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9. 2021 - 329., 330., 331., 333. ŠZM pre cievnu chirurgiu\PTK\"/>
    </mc:Choice>
  </mc:AlternateContent>
  <bookViews>
    <workbookView xWindow="0" yWindow="0" windowWidth="23040" windowHeight="9195" activeTab="1"/>
  </bookViews>
  <sheets>
    <sheet name="hárok " sheetId="10" r:id="rId1"/>
    <sheet name="PTK - ponuka" sheetId="8" r:id="rId2"/>
  </sheets>
  <definedNames>
    <definedName name="_xlnm.Print_Area" localSheetId="1">'PTK - ponuka'!$A$1:$E$329</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41" i="8" l="1"/>
  <c r="E37" i="8"/>
  <c r="E32" i="8"/>
</calcChain>
</file>

<file path=xl/sharedStrings.xml><?xml version="1.0" encoding="utf-8"?>
<sst xmlns="http://schemas.openxmlformats.org/spreadsheetml/2006/main" count="549" uniqueCount="35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10.</t>
  </si>
  <si>
    <t>11.</t>
  </si>
  <si>
    <t>12.</t>
  </si>
  <si>
    <t>13.</t>
  </si>
  <si>
    <t>14.</t>
  </si>
  <si>
    <t>15.</t>
  </si>
  <si>
    <t>16.</t>
  </si>
  <si>
    <t>17.</t>
  </si>
  <si>
    <t>xxx</t>
  </si>
  <si>
    <t>2.1</t>
  </si>
  <si>
    <t>2.2</t>
  </si>
  <si>
    <t>2.3</t>
  </si>
  <si>
    <t>2.4</t>
  </si>
  <si>
    <t>2.5</t>
  </si>
  <si>
    <t>12.1</t>
  </si>
  <si>
    <t>18.</t>
  </si>
  <si>
    <t>19.</t>
  </si>
  <si>
    <t>20.</t>
  </si>
  <si>
    <t>21.</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4.1</t>
  </si>
  <si>
    <t>4.2</t>
  </si>
  <si>
    <t>4.3</t>
  </si>
  <si>
    <t>4.4</t>
  </si>
  <si>
    <t>4.5</t>
  </si>
  <si>
    <t>4.6</t>
  </si>
  <si>
    <t>3.1</t>
  </si>
  <si>
    <t>3.2</t>
  </si>
  <si>
    <t>3.3</t>
  </si>
  <si>
    <t>3.4</t>
  </si>
  <si>
    <t>3.5</t>
  </si>
  <si>
    <t>3.6</t>
  </si>
  <si>
    <t>7</t>
  </si>
  <si>
    <t>11.1</t>
  </si>
  <si>
    <t>3</t>
  </si>
  <si>
    <t>4</t>
  </si>
  <si>
    <t>5</t>
  </si>
  <si>
    <t>6</t>
  </si>
  <si>
    <t>3.1.b)  Zoznam častí a položiek:</t>
  </si>
  <si>
    <t xml:space="preserve">Kalkulácia ceny - Štruktúrovaný rozpočet ceny predmetu zákazky </t>
  </si>
  <si>
    <t>60000000-8 Dopravné služby (bez prepravy odpadu)</t>
  </si>
  <si>
    <t>11.2</t>
  </si>
  <si>
    <t>11.3</t>
  </si>
  <si>
    <t>11.4</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 xml:space="preserve">Cievne protézy </t>
  </si>
  <si>
    <t>Áno - 4 časti</t>
  </si>
  <si>
    <t>Položka č. 2 - Lineárna protéza</t>
  </si>
  <si>
    <t>Položka č. 1 - Bifurkačná protéza</t>
  </si>
  <si>
    <t>Časť č. 1 - Vaskulárne pletené a tkané protézy so strieborným povlakom</t>
  </si>
  <si>
    <t>rekonštrukcia v aortálnej oblasti,</t>
  </si>
  <si>
    <t>pletené alebo tkané z polyesteru,</t>
  </si>
  <si>
    <t>polyester impregnovaný želatínou s antimikrobiálnym účinkom vďaka strieborným iontom event. sieťovaným kolagénom s antimikrobiálnym účinkom vďaka silver acetátu,</t>
  </si>
  <si>
    <t>s profylaktickou dlhotrvajúcou prevenciou proti infekciám implantátu,</t>
  </si>
  <si>
    <t>s vysokou biokompatibilitou umožňujúcou optimálnu adaptáciu protéz na konkrétne anatomické pomery pacienta, čo zlepšuje halding a dlhodobú priechodnosť rekonštrukcií,</t>
  </si>
  <si>
    <t>požaduje sa, aby BIFURKAČNÉ protézy boli k dispozícií minimálne v týchto uvedených veľkostiach:</t>
  </si>
  <si>
    <t>12mm x 6mm</t>
  </si>
  <si>
    <t>14mm x 7mm</t>
  </si>
  <si>
    <t>16mm x 8mm</t>
  </si>
  <si>
    <t>18mm x 9mm</t>
  </si>
  <si>
    <t>20mm x 10mm</t>
  </si>
  <si>
    <t>požaduje sa, aby BIFURKAČNÉ protézy všetkých požadovaných veľkostí boli dostupné v dĺžke:</t>
  </si>
  <si>
    <t>45cm, (tolerancia +/- 5cm)</t>
  </si>
  <si>
    <t>6.1</t>
  </si>
  <si>
    <t>6.2</t>
  </si>
  <si>
    <t>6.3</t>
  </si>
  <si>
    <t>6.4</t>
  </si>
  <si>
    <t>6.5</t>
  </si>
  <si>
    <t>7.1</t>
  </si>
  <si>
    <t>ekonštrukcia v aortálnej oblasti,</t>
  </si>
  <si>
    <t>polyester impregnovaný želatínou s antimikrobiálnym účinkom vďaka strieborným iontom event. sieťovým kolagénom s antimikrobiálnym účinkom vďaka silver acetátu,</t>
  </si>
  <si>
    <t>s vysokou biokompatibilitou umožňujúcou optimálnu adaptáciu protéz na konkrétne anatomické pomery pacienta, čo zlepšuje halding a dlhodobú priechodnosť rekonštrukcií, dlhodobú priechodnosť rekonštrukcií,</t>
  </si>
  <si>
    <t>požaduje sa, aby NEVYSTUŽENÉ lineárne protézy boli k dispozícií minimálne v týchto uvedených priemeroch a dĺžkach:</t>
  </si>
  <si>
    <t>6mm x 50cm (tolerancia +/- 10cm)</t>
  </si>
  <si>
    <t>6mm x 70cm (tolerancia +/- 10cm)</t>
  </si>
  <si>
    <t>7mm x 40cm (tolerancia +/- 10cm)</t>
  </si>
  <si>
    <t>8mm x 15cm (tolerancia +/- 10cm)</t>
  </si>
  <si>
    <t>8mm x 30cm (tolerancia +/- 10cm)</t>
  </si>
  <si>
    <t>8mm x 40cm (tolerancia +/- 10cm)</t>
  </si>
  <si>
    <t>8mm x 60cm (tolerancia +/- 10cm)</t>
  </si>
  <si>
    <t>10mm x 40cm (tolerancia +/- 10cm)</t>
  </si>
  <si>
    <t>12mm x 40cm (tolerancia +/- 10cm)</t>
  </si>
  <si>
    <t>14mm x 20cm (tolerancia +/- 10cm)</t>
  </si>
  <si>
    <t>16mm x 20cm (tolerancia +/- 10cm)</t>
  </si>
  <si>
    <t>16mm x 25cm (tolerancia +/- 10cm)</t>
  </si>
  <si>
    <t>18mm x 20cm (tolerancia +/- 10cm)</t>
  </si>
  <si>
    <t>18mm x 25cm (tolerancia +/- 10cm)</t>
  </si>
  <si>
    <t>20mm x 20cm (tolerancia +/- 10cm)</t>
  </si>
  <si>
    <t>20mm x 25cm (tolerancia +/- 10cm)</t>
  </si>
  <si>
    <t>22mm x 20cm (tolerancia +/- 10cm)</t>
  </si>
  <si>
    <t>22mm x 25cm (tolerancia +/- 10cm)</t>
  </si>
  <si>
    <t>24mm x 20cm (tolerancia +/- 10cm)</t>
  </si>
  <si>
    <t>24mm x 25cm (tolerancia +/- 10cm)</t>
  </si>
  <si>
    <t>požaduje sa, aby VYSTUŽENÉ lineárne protézy boli k dispozícií minimálne v týchto uvedených priemeroch a dĺžkach:</t>
  </si>
  <si>
    <t>6mm x 60cm (tolerancia +/- 10cm)</t>
  </si>
  <si>
    <t>6mm x 90cm (tolerancia +/- 10cm)</t>
  </si>
  <si>
    <t>8mm x 90cm (tolerancia +/- 10cm)</t>
  </si>
  <si>
    <t>Časť č. 2 - Bifurkačné a lineárne protézy</t>
  </si>
  <si>
    <t>pletená polyesterová cievna protéza,</t>
  </si>
  <si>
    <t>impregnovaná odburavateľným kolagénom,</t>
  </si>
  <si>
    <t>neobsahujúca aldehydy ani izokyanidy,</t>
  </si>
  <si>
    <t>priepustnosť vody &lt; 10 ml/cm2/min,</t>
  </si>
  <si>
    <t>dĺžka bifirkačnej protézy: 45cm (tolerancia +/- 5cm)</t>
  </si>
  <si>
    <t>požaduje sa, aby bifurkačné protézy dĺžky 45cm (tolerancia +/- 5cm) boli k dispozícií minimálne v uvedených veľkostiach:</t>
  </si>
  <si>
    <t>12mm x 6mm,</t>
  </si>
  <si>
    <t>14mm x 7mm,</t>
  </si>
  <si>
    <t>16mm x 8mm,</t>
  </si>
  <si>
    <t>18mm x 9mm,</t>
  </si>
  <si>
    <t>20mm x 10mm,</t>
  </si>
  <si>
    <t>22mm x 11mm,</t>
  </si>
  <si>
    <t>24mm x 12mm.</t>
  </si>
  <si>
    <t xml:space="preserve">2. </t>
  </si>
  <si>
    <t>7.2</t>
  </si>
  <si>
    <t>7.3</t>
  </si>
  <si>
    <t>7.4</t>
  </si>
  <si>
    <t>7.5</t>
  </si>
  <si>
    <t>7.6</t>
  </si>
  <si>
    <t>7.7</t>
  </si>
  <si>
    <t>rekonštrukcia v aortofemorálnej oblasti,</t>
  </si>
  <si>
    <t>priepustnosť vody &lt; 10 ml/cm2/min</t>
  </si>
  <si>
    <t>dĺžka lineárnej protézy, typ 1: min. 25 cm - max. 40 cm</t>
  </si>
  <si>
    <t>požaduje sa, aby lineárne protézy dĺžky min. 25 cm - max. 40 cm boli k dispozícií minimálne v uvedených priemeroch:</t>
  </si>
  <si>
    <t>6 mm,</t>
  </si>
  <si>
    <t>7 mm,</t>
  </si>
  <si>
    <t>8 mm,</t>
  </si>
  <si>
    <t>10 mm,</t>
  </si>
  <si>
    <t>12 mm,</t>
  </si>
  <si>
    <t>14 mm,</t>
  </si>
  <si>
    <t>16 mm,</t>
  </si>
  <si>
    <t>18 mm,</t>
  </si>
  <si>
    <t>20 mm,</t>
  </si>
  <si>
    <t>22 mm,</t>
  </si>
  <si>
    <t>24 mm.</t>
  </si>
  <si>
    <t>7.8</t>
  </si>
  <si>
    <t>7.9</t>
  </si>
  <si>
    <t>7.10</t>
  </si>
  <si>
    <t>7.11</t>
  </si>
  <si>
    <t>Položka č. 2 - Lineárna protéza, typ 1</t>
  </si>
  <si>
    <t>8.1</t>
  </si>
  <si>
    <t>10.1</t>
  </si>
  <si>
    <t>6.6</t>
  </si>
  <si>
    <t>6.7</t>
  </si>
  <si>
    <t>6.8</t>
  </si>
  <si>
    <t>6.9</t>
  </si>
  <si>
    <t>6.10</t>
  </si>
  <si>
    <t>6.11</t>
  </si>
  <si>
    <t>6.12</t>
  </si>
  <si>
    <t>6.13</t>
  </si>
  <si>
    <t>6.14</t>
  </si>
  <si>
    <t>6.15</t>
  </si>
  <si>
    <t>6.16</t>
  </si>
  <si>
    <t>6.17</t>
  </si>
  <si>
    <t>6.18</t>
  </si>
  <si>
    <t>6.19</t>
  </si>
  <si>
    <t>6.20</t>
  </si>
  <si>
    <t>dĺžka lineárnej protézy, typ 2: min. 55 cm - max. 70 cm</t>
  </si>
  <si>
    <t>požaduje sa, aby lineárne protézy dĺžky min. 55 cm - max. 70 cm boli k dispozícií minimálne v uvedených priemeroch:</t>
  </si>
  <si>
    <t>14 mm.</t>
  </si>
  <si>
    <t>Časť č. 3 - Lineárne PTFE protézy vystužené a nevystužené</t>
  </si>
  <si>
    <t>Položka č. 1 - Vystužená lineárna protéza</t>
  </si>
  <si>
    <t>lineárna cievna PTFE protéza vystužená s odnímateľnými krúžkami výstuže,</t>
  </si>
  <si>
    <t>umožňujúca optimálnu adaptáciu protéz na konkrétne anatomické pomery pacienta,</t>
  </si>
  <si>
    <t>maximálna ochrana proti strate krvi, proti zalomeniu alebo pri implantácii,</t>
  </si>
  <si>
    <t>požaduje sa, aby vystužená lineárna protéza bola k dispozícií v týchto rozmeroch:</t>
  </si>
  <si>
    <t>vystužená lineárna protéza, typ 1:</t>
  </si>
  <si>
    <t>- štandardná hrúbka steny</t>
  </si>
  <si>
    <t>- priemer: 6mm</t>
  </si>
  <si>
    <t>- dĺžka: 80cm (tolerancia +/- 10cm)</t>
  </si>
  <si>
    <t>vystužená lineárna protéza, typ 2:</t>
  </si>
  <si>
    <t>- tenkostenná</t>
  </si>
  <si>
    <t>vystužená lineárna protéza, typ 3:</t>
  </si>
  <si>
    <t>- priemer: 7mm</t>
  </si>
  <si>
    <t>- dĺžka: 70cm (tolerancia +/- 10cm)</t>
  </si>
  <si>
    <t>Položka č. 2 - Nevystužená lineárna protéza</t>
  </si>
  <si>
    <t>lineárna cievna PTFE protéza nevystužená,</t>
  </si>
  <si>
    <t>požaduje sa, aby nevystužená lineárna protéza bola k dispozícií v rozmeroch:</t>
  </si>
  <si>
    <t>nevystužená lineárna protéza, typ 1:</t>
  </si>
  <si>
    <t>- dĺžka: 50cm (tolerancia +/- 10cm)</t>
  </si>
  <si>
    <t>nevystužená lineárna protéza, typ 2:</t>
  </si>
  <si>
    <t>nevystužená lineárna protéza, typ 3:</t>
  </si>
  <si>
    <t>nevystužená lineárna protéza, typ 4:</t>
  </si>
  <si>
    <t>nevystužená lineárna protéza, typ 5:</t>
  </si>
  <si>
    <t>nevystužená lineárna protéza, typ 6:</t>
  </si>
  <si>
    <t>- priemer: 5mm</t>
  </si>
  <si>
    <t>1.1</t>
  </si>
  <si>
    <t>priemer: 5 mm</t>
  </si>
  <si>
    <t>1.2</t>
  </si>
  <si>
    <t>dĺžka: 40 cm (tolerancia +/- 5 cm)</t>
  </si>
  <si>
    <t>1.3</t>
  </si>
  <si>
    <t>tenkostenná (0,4mm) a nevystužená,</t>
  </si>
  <si>
    <t>1.4</t>
  </si>
  <si>
    <t>tenkostenná (0,4mm) a vystužená,</t>
  </si>
  <si>
    <t>1.5</t>
  </si>
  <si>
    <t>so štandardnou stenou (0,7 mm) a nevystužená,</t>
  </si>
  <si>
    <t>dĺžka: 70 cm (tolerancia +/- 5 cm)</t>
  </si>
  <si>
    <t>priemer: 6 mm</t>
  </si>
  <si>
    <t>dĺžka: 20 cm (tolerancia +/- 5 cm)</t>
  </si>
  <si>
    <t>dĺžka: 50 cm (tolerancia +/- 5 cm)</t>
  </si>
  <si>
    <t>so štandardnou stenou (0,7 mm) a vystužená.</t>
  </si>
  <si>
    <t>5.1</t>
  </si>
  <si>
    <t>5.2</t>
  </si>
  <si>
    <t>dĺžka: 80 cm (tolerancia +/- 5 cm)</t>
  </si>
  <si>
    <t>5.3</t>
  </si>
  <si>
    <t>5.4</t>
  </si>
  <si>
    <t>5.5</t>
  </si>
  <si>
    <t>priemer: 7 mm</t>
  </si>
  <si>
    <t>8.2</t>
  </si>
  <si>
    <t>8.3</t>
  </si>
  <si>
    <t>8.4</t>
  </si>
  <si>
    <t>8.5</t>
  </si>
  <si>
    <t>9.1</t>
  </si>
  <si>
    <t>priemer: 8 mm</t>
  </si>
  <si>
    <t>9.2</t>
  </si>
  <si>
    <t>9.3</t>
  </si>
  <si>
    <t>9.4</t>
  </si>
  <si>
    <t>9.5</t>
  </si>
  <si>
    <t>9.6</t>
  </si>
  <si>
    <t>so štandardnou stenou (0,7 mm) a vystužená,</t>
  </si>
  <si>
    <t>10.2</t>
  </si>
  <si>
    <t>10.3</t>
  </si>
  <si>
    <t>10.4</t>
  </si>
  <si>
    <t>10.5</t>
  </si>
  <si>
    <t>heparínom impregnovaná cievna protéza,</t>
  </si>
  <si>
    <t>z expandovaného polytetrafluóretylénu (ePTFE),</t>
  </si>
  <si>
    <t>s bioaktívnou heparínovou povrchovou vrstvou,</t>
  </si>
  <si>
    <t>povrch lumenu protézy potiahnutý vysokomolekulárnym heparínom,</t>
  </si>
  <si>
    <t>11.5</t>
  </si>
  <si>
    <t>v prípade vystuženej heparínovej protézy sa požaduje s odnímateľným vonkajším špirálovým vystužením z PTFE (na použitie v oblastiach s vysokým nebezpečenstvom kompresie a zalomenia).</t>
  </si>
  <si>
    <t>5. ZMLUVNÉ PODMIENKY PREDMETU ZÁKAZKY</t>
  </si>
  <si>
    <t>Položka č. 3 - Lineárna protéza, typ 2</t>
  </si>
  <si>
    <t>- dĺžka: 70cm (tolerancia +/- 10cm).</t>
  </si>
  <si>
    <t>Časť č. 4 - Heparínové PTFE protézy</t>
  </si>
  <si>
    <t>Typ č. 1 - Heparínová protéza 5mm x 40cm (tolerancia +/- 5 cm)</t>
  </si>
  <si>
    <t>Typ č. 2 - Heparínová protéza 5mm x 70cm (tolerancia +/- 5 cm)</t>
  </si>
  <si>
    <t>Typ č. 3 - Heparínová protéza 6mm x 20cm (tolerancia +/- 5 cm)</t>
  </si>
  <si>
    <t>Typ č. 4 - Heparínová protéza 6mm x 50cm (tolerancia +/- 5 cm)</t>
  </si>
  <si>
    <t>Typ č. 5 - Heparínová protéza 6mm x 80cm (tolerancia +/- 5 cm)</t>
  </si>
  <si>
    <t>Typ č. 6 - Heparínová protéza 7mm x 20cm (tolerancia +/- 5 cm)</t>
  </si>
  <si>
    <t>Typ č. 7 - Heparínová protéza 7mm x 50cm (tolerancia +/- 5 cm)</t>
  </si>
  <si>
    <t>Typ č. 8 - Heparínová protéza 7mm x 80cm (tolerancia +/- 5 cm)</t>
  </si>
  <si>
    <t>Typ č. 9 - Heparínová protéza 8mm x 50cm (tolerancia +/- 5 cm)</t>
  </si>
  <si>
    <t>Typ č. 10 - Heparínová protéza 8mm x 80cm (tolerancia +/- 5 cm)</t>
  </si>
  <si>
    <t>Spoločné požiadavka na predmet zákazky (pre každý typ)</t>
  </si>
  <si>
    <t>Minimálne zmluvné podmienky predmetu zákazky:</t>
  </si>
  <si>
    <t>Položka číslo</t>
  </si>
  <si>
    <t xml:space="preserve">Názov časti predmetu zákazky/názov položky predmetu zákazky </t>
  </si>
  <si>
    <r>
      <t xml:space="preserve">Merná jednotka
</t>
    </r>
    <r>
      <rPr>
        <sz val="10"/>
        <color theme="1"/>
        <rFont val="Arial"/>
        <family val="2"/>
        <charset val="238"/>
      </rPr>
      <t>(MJ)</t>
    </r>
  </si>
  <si>
    <t>Položka č. 1</t>
  </si>
  <si>
    <r>
      <t>Predmet zákazky je rozdelený na 4 samostatné časti</t>
    </r>
    <r>
      <rPr>
        <sz val="10"/>
        <rFont val="Arial"/>
        <family val="2"/>
        <charset val="238"/>
      </rPr>
      <t>.</t>
    </r>
  </si>
  <si>
    <t>Cievne protézy pre potreby Kliniky cievnej chirurgie.</t>
  </si>
  <si>
    <t xml:space="preserve">Požadovaný počet MJ na obdobie 24 mesiacov
</t>
  </si>
  <si>
    <t>Bifurkačná protéza</t>
  </si>
  <si>
    <t>Položka č. 2</t>
  </si>
  <si>
    <t>Lineárna protéza</t>
  </si>
  <si>
    <t xml:space="preserve"> Lineárna protéza, typ 1</t>
  </si>
  <si>
    <t xml:space="preserve"> Bifurkačná protéza</t>
  </si>
  <si>
    <t>Položka č. 3</t>
  </si>
  <si>
    <t xml:space="preserve"> Lineárna protéza, typ 2</t>
  </si>
  <si>
    <t>Vystužená lineárna protéza</t>
  </si>
  <si>
    <t>Nevystužená lineárna protéza</t>
  </si>
  <si>
    <t>Časť č. 4 - Heparínové PTFE ptotézy</t>
  </si>
  <si>
    <t>Heparínové PTFE ptotézy</t>
  </si>
  <si>
    <t>33184200-5 Vaskulárne protézy</t>
  </si>
  <si>
    <t>Požaduje sa uzatvorenie Rámcovej dohody, a to na dohodnuté zmluvné obdobie dvadsiatichštyroch (24)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Rámcovú dohod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Rámcovej dohod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Položka č. 1 - Heparínová PTFE protéz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i/>
      <sz val="10"/>
      <name val="Arial"/>
      <family val="2"/>
      <charset val="238"/>
    </font>
    <font>
      <sz val="10"/>
      <color rgb="FF000000"/>
      <name val="Arial"/>
      <family val="2"/>
      <charset val="238"/>
    </font>
    <font>
      <u/>
      <sz val="10"/>
      <color theme="1"/>
      <name val="Arial"/>
      <family val="2"/>
      <charset val="238"/>
    </font>
    <font>
      <i/>
      <sz val="10"/>
      <color theme="1"/>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6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dotted">
        <color auto="1"/>
      </top>
      <bottom style="medium">
        <color auto="1"/>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right/>
      <top style="thin">
        <color auto="1"/>
      </top>
      <bottom style="thin">
        <color auto="1"/>
      </bottom>
      <diagonal/>
    </border>
    <border>
      <left/>
      <right style="medium">
        <color indexed="64"/>
      </right>
      <top style="thin">
        <color auto="1"/>
      </top>
      <bottom style="thin">
        <color auto="1"/>
      </bottom>
      <diagonal/>
    </border>
    <border>
      <left style="dotted">
        <color auto="1"/>
      </left>
      <right style="medium">
        <color auto="1"/>
      </right>
      <top style="thin">
        <color auto="1"/>
      </top>
      <bottom style="thin">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medium">
        <color auto="1"/>
      </left>
      <right style="thin">
        <color auto="1"/>
      </right>
      <top/>
      <bottom style="medium">
        <color auto="1"/>
      </bottom>
      <diagonal/>
    </border>
    <border>
      <left style="thin">
        <color auto="1"/>
      </left>
      <right style="medium">
        <color indexed="64"/>
      </right>
      <top/>
      <bottom style="thin">
        <color auto="1"/>
      </bottom>
      <diagonal/>
    </border>
    <border>
      <left style="thin">
        <color auto="1"/>
      </left>
      <right style="medium">
        <color indexed="64"/>
      </right>
      <top/>
      <bottom/>
      <diagonal/>
    </border>
    <border>
      <left style="thin">
        <color auto="1"/>
      </left>
      <right style="medium">
        <color indexed="64"/>
      </right>
      <top style="thin">
        <color auto="1"/>
      </top>
      <bottom/>
      <diagonal/>
    </border>
    <border>
      <left style="medium">
        <color auto="1"/>
      </left>
      <right/>
      <top style="thin">
        <color auto="1"/>
      </top>
      <bottom style="thin">
        <color auto="1"/>
      </bottom>
      <diagonal/>
    </border>
    <border>
      <left/>
      <right style="medium">
        <color indexed="64"/>
      </right>
      <top/>
      <bottom/>
      <diagonal/>
    </border>
    <border>
      <left style="thin">
        <color auto="1"/>
      </left>
      <right style="thin">
        <color auto="1"/>
      </right>
      <top/>
      <bottom style="medium">
        <color indexed="64"/>
      </bottom>
      <diagonal/>
    </border>
    <border>
      <left style="thin">
        <color auto="1"/>
      </left>
      <right style="thin">
        <color auto="1"/>
      </right>
      <top style="medium">
        <color auto="1"/>
      </top>
      <bottom style="thin">
        <color indexed="64"/>
      </bottom>
      <diagonal/>
    </border>
    <border>
      <left style="dotted">
        <color auto="1"/>
      </left>
      <right style="medium">
        <color indexed="64"/>
      </right>
      <top/>
      <bottom style="medium">
        <color indexed="64"/>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style="thin">
        <color auto="1"/>
      </right>
      <top style="medium">
        <color auto="1"/>
      </top>
      <bottom style="thin">
        <color auto="1"/>
      </bottom>
      <diagonal/>
    </border>
    <border>
      <left/>
      <right style="thin">
        <color auto="1"/>
      </right>
      <top style="thin">
        <color auto="1"/>
      </top>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style="medium">
        <color auto="1"/>
      </left>
      <right style="thin">
        <color auto="1"/>
      </right>
      <top/>
      <bottom style="dotted">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20"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8"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4" fillId="0" borderId="12"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4" fillId="0" borderId="22" xfId="0" applyNumberFormat="1" applyFont="1" applyFill="1" applyBorder="1" applyAlignment="1">
      <alignment horizontal="left" vertical="center" wrapText="1"/>
    </xf>
    <xf numFmtId="49" fontId="4" fillId="0" borderId="25"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2" fillId="0" borderId="12" xfId="0" applyNumberFormat="1" applyFont="1" applyBorder="1" applyAlignment="1">
      <alignment horizontal="center" vertical="center" wrapText="1"/>
    </xf>
    <xf numFmtId="0" fontId="2" fillId="0" borderId="22" xfId="0" applyNumberFormat="1" applyFont="1" applyBorder="1" applyAlignment="1">
      <alignment horizontal="center" vertical="center" wrapText="1"/>
    </xf>
    <xf numFmtId="0" fontId="2" fillId="0" borderId="31" xfId="0" applyNumberFormat="1" applyFont="1" applyBorder="1" applyAlignment="1">
      <alignment horizontal="center" vertical="center" wrapText="1"/>
    </xf>
    <xf numFmtId="0" fontId="2" fillId="0" borderId="33" xfId="0" applyNumberFormat="1" applyFont="1" applyBorder="1" applyAlignment="1">
      <alignment horizontal="center" vertical="center" wrapText="1"/>
    </xf>
    <xf numFmtId="49" fontId="2" fillId="0" borderId="24" xfId="0" applyNumberFormat="1" applyFont="1" applyBorder="1" applyAlignment="1">
      <alignment horizontal="center" vertical="center"/>
    </xf>
    <xf numFmtId="49" fontId="4" fillId="0" borderId="35" xfId="0" applyNumberFormat="1" applyFont="1" applyFill="1" applyBorder="1" applyAlignment="1">
      <alignment horizontal="left" vertical="center" wrapText="1"/>
    </xf>
    <xf numFmtId="0" fontId="2" fillId="0" borderId="25" xfId="0" applyNumberFormat="1" applyFont="1" applyBorder="1" applyAlignment="1">
      <alignment vertical="center" wrapText="1"/>
    </xf>
    <xf numFmtId="0" fontId="2" fillId="0" borderId="35" xfId="0" applyNumberFormat="1" applyFont="1" applyBorder="1" applyAlignment="1">
      <alignment vertical="center" wrapText="1"/>
    </xf>
    <xf numFmtId="49" fontId="2" fillId="0" borderId="13" xfId="0" applyNumberFormat="1" applyFont="1" applyBorder="1" applyAlignment="1">
      <alignment horizontal="center" vertical="center"/>
    </xf>
    <xf numFmtId="0" fontId="7" fillId="0" borderId="37"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34"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12"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4" xfId="0" applyNumberFormat="1" applyFont="1" applyFill="1" applyBorder="1" applyAlignment="1">
      <alignment horizontal="center" vertical="center" wrapText="1"/>
    </xf>
    <xf numFmtId="49" fontId="2" fillId="0" borderId="23" xfId="0" applyNumberFormat="1" applyFont="1" applyBorder="1" applyAlignment="1">
      <alignment horizontal="left" vertical="center" wrapText="1"/>
    </xf>
    <xf numFmtId="49" fontId="4" fillId="0" borderId="12" xfId="0" applyNumberFormat="1" applyFont="1" applyFill="1" applyBorder="1" applyAlignment="1">
      <alignment vertical="center" wrapText="1"/>
    </xf>
    <xf numFmtId="0" fontId="2" fillId="0" borderId="35" xfId="0" applyNumberFormat="1" applyFont="1" applyBorder="1" applyAlignment="1">
      <alignment horizontal="center" vertical="center" wrapText="1"/>
    </xf>
    <xf numFmtId="0" fontId="2" fillId="0" borderId="36" xfId="0" applyNumberFormat="1" applyFont="1" applyBorder="1" applyAlignment="1">
      <alignment horizontal="center" vertical="center" wrapText="1"/>
    </xf>
    <xf numFmtId="0" fontId="14" fillId="0" borderId="12" xfId="0" applyFont="1" applyBorder="1" applyAlignment="1">
      <alignment vertical="center"/>
    </xf>
    <xf numFmtId="0" fontId="14" fillId="0" borderId="12" xfId="0" applyFont="1" applyBorder="1" applyAlignment="1">
      <alignment vertical="center" wrapText="1"/>
    </xf>
    <xf numFmtId="49" fontId="13" fillId="0" borderId="25" xfId="0" applyNumberFormat="1" applyFont="1" applyFill="1" applyBorder="1" applyAlignment="1">
      <alignment horizontal="left" vertical="center" wrapText="1"/>
    </xf>
    <xf numFmtId="49" fontId="2" fillId="0" borderId="24" xfId="0" applyNumberFormat="1" applyFont="1" applyBorder="1" applyAlignment="1">
      <alignment horizontal="right" vertical="center"/>
    </xf>
    <xf numFmtId="0" fontId="14" fillId="0" borderId="0" xfId="0" applyFont="1" applyBorder="1" applyAlignment="1">
      <alignment vertical="center"/>
    </xf>
    <xf numFmtId="49" fontId="2" fillId="0" borderId="9" xfId="0" applyNumberFormat="1" applyFont="1" applyBorder="1" applyAlignment="1">
      <alignment horizontal="center" vertical="center" wrapText="1"/>
    </xf>
    <xf numFmtId="49" fontId="2" fillId="0" borderId="39" xfId="0" applyNumberFormat="1" applyFont="1" applyBorder="1" applyAlignment="1">
      <alignment vertical="center" wrapText="1"/>
    </xf>
    <xf numFmtId="0" fontId="2" fillId="0" borderId="21" xfId="0" applyNumberFormat="1" applyFont="1" applyBorder="1" applyAlignment="1">
      <alignment horizontal="center" vertical="center" wrapText="1"/>
    </xf>
    <xf numFmtId="0" fontId="2" fillId="0" borderId="25" xfId="0" applyNumberFormat="1" applyFont="1" applyBorder="1" applyAlignment="1">
      <alignment horizontal="center" vertical="center" wrapText="1"/>
    </xf>
    <xf numFmtId="49" fontId="2" fillId="0" borderId="41" xfId="0" applyNumberFormat="1" applyFont="1" applyBorder="1" applyAlignment="1">
      <alignment horizontal="left" vertical="center" wrapText="1"/>
    </xf>
    <xf numFmtId="0" fontId="2" fillId="0" borderId="0" xfId="0" applyNumberFormat="1" applyFont="1" applyBorder="1" applyAlignment="1">
      <alignment horizontal="center" vertical="center" wrapText="1"/>
    </xf>
    <xf numFmtId="49" fontId="2" fillId="0" borderId="43"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49" fontId="2" fillId="0" borderId="27" xfId="0" applyNumberFormat="1" applyFont="1" applyFill="1" applyBorder="1" applyAlignment="1">
      <alignment horizontal="center" vertical="center" wrapText="1"/>
    </xf>
    <xf numFmtId="0" fontId="2" fillId="0" borderId="45" xfId="0" applyFont="1" applyFill="1" applyBorder="1" applyAlignment="1">
      <alignment horizontal="left" vertical="center" wrapText="1"/>
    </xf>
    <xf numFmtId="0" fontId="3" fillId="0" borderId="44" xfId="0" applyFont="1" applyFill="1" applyBorder="1" applyAlignment="1">
      <alignment horizontal="left" vertical="center" wrapText="1"/>
    </xf>
    <xf numFmtId="49" fontId="2" fillId="0" borderId="38" xfId="0" applyNumberFormat="1" applyFont="1" applyFill="1" applyBorder="1" applyAlignment="1">
      <alignment horizontal="center" vertical="center" wrapText="1"/>
    </xf>
    <xf numFmtId="0" fontId="2" fillId="0" borderId="26" xfId="0" applyFont="1" applyFill="1" applyBorder="1" applyAlignment="1">
      <alignment horizontal="left" vertical="center" wrapText="1"/>
    </xf>
    <xf numFmtId="0" fontId="2" fillId="0" borderId="30" xfId="0" applyFont="1" applyFill="1" applyBorder="1" applyAlignment="1">
      <alignment horizontal="center" vertical="center" wrapText="1"/>
    </xf>
    <xf numFmtId="0" fontId="2" fillId="0" borderId="46" xfId="0" applyFont="1" applyFill="1" applyBorder="1" applyAlignment="1">
      <alignment horizontal="left" vertical="center" wrapText="1"/>
    </xf>
    <xf numFmtId="49" fontId="2" fillId="0" borderId="47" xfId="0" applyNumberFormat="1" applyFont="1" applyFill="1" applyBorder="1" applyAlignment="1">
      <alignment horizontal="center" vertical="center" wrapText="1"/>
    </xf>
    <xf numFmtId="0" fontId="2" fillId="0" borderId="48" xfId="0" applyFont="1" applyFill="1" applyBorder="1" applyAlignment="1">
      <alignment horizontal="left" vertical="center" wrapText="1"/>
    </xf>
    <xf numFmtId="0" fontId="0" fillId="6" borderId="0" xfId="0" applyFill="1"/>
    <xf numFmtId="0" fontId="2" fillId="0" borderId="0" xfId="0" applyFont="1" applyAlignment="1">
      <alignment horizontal="center" vertical="center" wrapText="1"/>
    </xf>
    <xf numFmtId="0" fontId="2" fillId="0" borderId="40"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14" fillId="0" borderId="22" xfId="0" applyFont="1" applyBorder="1" applyAlignment="1">
      <alignment vertical="center" wrapText="1"/>
    </xf>
    <xf numFmtId="49" fontId="2" fillId="0" borderId="39" xfId="0" applyNumberFormat="1" applyFont="1" applyBorder="1" applyAlignment="1">
      <alignment horizontal="left" vertical="center" wrapText="1"/>
    </xf>
    <xf numFmtId="49" fontId="2" fillId="0" borderId="39" xfId="0" applyNumberFormat="1" applyFont="1" applyBorder="1" applyAlignment="1">
      <alignment horizontal="center" vertical="center" wrapText="1"/>
    </xf>
    <xf numFmtId="49" fontId="15" fillId="0" borderId="23" xfId="0" applyNumberFormat="1" applyFont="1" applyBorder="1" applyAlignment="1">
      <alignment horizontal="left" vertical="center" wrapText="1"/>
    </xf>
    <xf numFmtId="0" fontId="2" fillId="0" borderId="0" xfId="0" applyFont="1" applyFill="1" applyBorder="1" applyAlignment="1">
      <alignment vertical="center"/>
    </xf>
    <xf numFmtId="49" fontId="5" fillId="0" borderId="25" xfId="0" applyNumberFormat="1" applyFont="1" applyFill="1" applyBorder="1" applyAlignment="1">
      <alignment horizontal="left" vertical="center" wrapText="1"/>
    </xf>
    <xf numFmtId="49" fontId="2" fillId="0" borderId="24" xfId="0" applyNumberFormat="1" applyFont="1" applyBorder="1" applyAlignment="1">
      <alignment horizontal="left" vertical="center"/>
    </xf>
    <xf numFmtId="49" fontId="2" fillId="0" borderId="8" xfId="0" applyNumberFormat="1" applyFont="1" applyFill="1" applyBorder="1" applyAlignment="1">
      <alignment horizontal="left" vertical="center"/>
    </xf>
    <xf numFmtId="49" fontId="2" fillId="0" borderId="8" xfId="0" applyNumberFormat="1" applyFont="1" applyBorder="1" applyAlignment="1">
      <alignment horizontal="left" vertical="center"/>
    </xf>
    <xf numFmtId="49" fontId="4" fillId="0" borderId="28" xfId="0" applyNumberFormat="1" applyFont="1" applyFill="1" applyBorder="1" applyAlignment="1">
      <alignment horizontal="left" vertical="center" wrapText="1"/>
    </xf>
    <xf numFmtId="49" fontId="4" fillId="0" borderId="6" xfId="0" applyNumberFormat="1" applyFont="1" applyFill="1" applyBorder="1" applyAlignment="1">
      <alignment horizontal="left" vertical="center" wrapText="1"/>
    </xf>
    <xf numFmtId="49" fontId="4" fillId="0" borderId="50" xfId="0" applyNumberFormat="1" applyFont="1" applyFill="1" applyBorder="1" applyAlignment="1">
      <alignment horizontal="left" vertical="center" wrapText="1"/>
    </xf>
    <xf numFmtId="49" fontId="2" fillId="0" borderId="28" xfId="0" applyNumberFormat="1" applyFont="1" applyFill="1" applyBorder="1" applyAlignment="1">
      <alignment vertical="center" wrapText="1"/>
    </xf>
    <xf numFmtId="49" fontId="2" fillId="0" borderId="8" xfId="0" applyNumberFormat="1" applyFont="1" applyFill="1" applyBorder="1" applyAlignment="1">
      <alignment vertical="center" wrapText="1"/>
    </xf>
    <xf numFmtId="49" fontId="16" fillId="0" borderId="6" xfId="0" applyNumberFormat="1" applyFont="1" applyBorder="1" applyAlignment="1">
      <alignment vertical="center"/>
    </xf>
    <xf numFmtId="0" fontId="2" fillId="0" borderId="0" xfId="0" applyFont="1" applyAlignment="1">
      <alignment horizontal="center" vertical="center" wrapText="1"/>
    </xf>
    <xf numFmtId="49" fontId="2" fillId="0" borderId="13" xfId="0" applyNumberFormat="1" applyFont="1" applyBorder="1" applyAlignment="1">
      <alignment horizontal="right" vertical="center"/>
    </xf>
    <xf numFmtId="3" fontId="2" fillId="0" borderId="0" xfId="0" applyNumberFormat="1" applyFont="1" applyBorder="1" applyAlignment="1">
      <alignment horizontal="center" vertical="center" wrapText="1"/>
    </xf>
    <xf numFmtId="0" fontId="2" fillId="0" borderId="12" xfId="0" applyFont="1" applyFill="1" applyBorder="1" applyAlignment="1">
      <alignment horizontal="left" vertical="top" wrapText="1"/>
    </xf>
    <xf numFmtId="0" fontId="2" fillId="0" borderId="12" xfId="0" applyFont="1" applyFill="1" applyBorder="1" applyAlignment="1">
      <alignment horizontal="center" vertical="top" wrapText="1"/>
    </xf>
    <xf numFmtId="0" fontId="2" fillId="0" borderId="5" xfId="0" applyFont="1" applyFill="1" applyBorder="1" applyAlignment="1">
      <alignment vertical="top" wrapText="1"/>
    </xf>
    <xf numFmtId="0" fontId="2" fillId="0" borderId="6" xfId="0" applyFont="1" applyFill="1" applyBorder="1" applyAlignment="1">
      <alignment vertical="top" wrapText="1"/>
    </xf>
    <xf numFmtId="3" fontId="2" fillId="0" borderId="51" xfId="0" applyNumberFormat="1" applyFont="1" applyBorder="1" applyAlignment="1">
      <alignment horizontal="center" vertical="center" wrapText="1"/>
    </xf>
    <xf numFmtId="0" fontId="2" fillId="0" borderId="52" xfId="0" applyFont="1" applyBorder="1" applyAlignment="1">
      <alignment vertical="center" wrapText="1"/>
    </xf>
    <xf numFmtId="3" fontId="2" fillId="0" borderId="53" xfId="0" applyNumberFormat="1" applyFont="1" applyFill="1" applyBorder="1" applyAlignment="1">
      <alignment horizontal="center" vertical="center" wrapText="1"/>
    </xf>
    <xf numFmtId="0" fontId="2" fillId="0" borderId="54" xfId="0" applyFont="1" applyBorder="1" applyAlignment="1">
      <alignment vertical="center" wrapText="1"/>
    </xf>
    <xf numFmtId="3" fontId="2" fillId="0" borderId="55" xfId="0" applyNumberFormat="1" applyFont="1" applyFill="1" applyBorder="1" applyAlignment="1">
      <alignment horizontal="center" vertical="center" wrapText="1"/>
    </xf>
    <xf numFmtId="0" fontId="2" fillId="7" borderId="0" xfId="0" applyFont="1" applyFill="1" applyBorder="1" applyAlignment="1">
      <alignment horizontal="center" vertical="center" wrapText="1"/>
    </xf>
    <xf numFmtId="3" fontId="2" fillId="7" borderId="53" xfId="0" applyNumberFormat="1" applyFont="1" applyFill="1" applyBorder="1" applyAlignment="1">
      <alignment horizontal="center" vertical="center" wrapText="1"/>
    </xf>
    <xf numFmtId="0" fontId="2" fillId="7" borderId="53" xfId="0" applyFont="1" applyFill="1" applyBorder="1" applyAlignment="1">
      <alignment horizontal="center" vertical="center" wrapText="1"/>
    </xf>
    <xf numFmtId="0" fontId="2" fillId="0" borderId="0" xfId="0" applyFont="1" applyBorder="1" applyAlignment="1">
      <alignment vertical="center" wrapText="1"/>
    </xf>
    <xf numFmtId="0" fontId="3" fillId="0" borderId="53" xfId="0" applyFont="1" applyBorder="1" applyAlignment="1">
      <alignment horizontal="center" vertical="center" wrapText="1"/>
    </xf>
    <xf numFmtId="49" fontId="2" fillId="0" borderId="41" xfId="0" applyNumberFormat="1" applyFont="1" applyBorder="1" applyAlignment="1">
      <alignment horizontal="center" vertical="center" wrapText="1"/>
    </xf>
    <xf numFmtId="0" fontId="4" fillId="0" borderId="45" xfId="0" applyFont="1" applyFill="1" applyBorder="1" applyAlignment="1">
      <alignment horizontal="left" vertical="center" wrapText="1"/>
    </xf>
    <xf numFmtId="0" fontId="4" fillId="0" borderId="31" xfId="0" applyFont="1" applyFill="1" applyBorder="1" applyAlignment="1">
      <alignment horizontal="left" vertical="center" wrapText="1"/>
    </xf>
    <xf numFmtId="0" fontId="4" fillId="7" borderId="56"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57"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14" fillId="7" borderId="0" xfId="0" applyFont="1" applyFill="1" applyBorder="1" applyAlignment="1">
      <alignment horizontal="justify" vertical="center"/>
    </xf>
    <xf numFmtId="0" fontId="4" fillId="7" borderId="12"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4" fillId="0" borderId="5" xfId="0" applyFont="1" applyFill="1" applyBorder="1" applyAlignment="1">
      <alignment horizontal="left" vertical="center" wrapText="1"/>
    </xf>
    <xf numFmtId="49" fontId="2" fillId="0" borderId="24" xfId="0" applyNumberFormat="1" applyFont="1" applyFill="1" applyBorder="1" applyAlignment="1">
      <alignment horizontal="right" vertical="center" wrapText="1"/>
    </xf>
    <xf numFmtId="49" fontId="2" fillId="0" borderId="12" xfId="0" applyNumberFormat="1" applyFont="1" applyFill="1" applyBorder="1" applyAlignment="1">
      <alignment horizontal="center" vertical="center" wrapText="1"/>
    </xf>
    <xf numFmtId="0" fontId="4" fillId="7" borderId="25" xfId="0" applyFont="1" applyFill="1" applyBorder="1" applyAlignment="1">
      <alignment horizontal="left" vertical="center" wrapText="1"/>
    </xf>
    <xf numFmtId="49" fontId="2" fillId="0" borderId="47" xfId="0" applyNumberFormat="1" applyFont="1" applyFill="1" applyBorder="1" applyAlignment="1">
      <alignment horizontal="right" vertical="center" wrapText="1"/>
    </xf>
    <xf numFmtId="49" fontId="2" fillId="0" borderId="61" xfId="0" applyNumberFormat="1" applyFont="1" applyFill="1" applyBorder="1" applyAlignment="1">
      <alignment horizontal="right" vertical="center" wrapText="1"/>
    </xf>
    <xf numFmtId="49" fontId="2" fillId="0" borderId="60" xfId="0" applyNumberFormat="1" applyFont="1" applyFill="1" applyBorder="1" applyAlignment="1">
      <alignment horizontal="right" vertical="center" wrapText="1"/>
    </xf>
    <xf numFmtId="49" fontId="2" fillId="0" borderId="58" xfId="0" applyNumberFormat="1" applyFont="1" applyFill="1" applyBorder="1" applyAlignment="1">
      <alignment horizontal="right" vertical="center" wrapText="1"/>
    </xf>
    <xf numFmtId="49" fontId="2" fillId="0" borderId="59" xfId="0" applyNumberFormat="1" applyFont="1" applyFill="1" applyBorder="1" applyAlignment="1">
      <alignment horizontal="center" vertical="center" wrapText="1"/>
    </xf>
    <xf numFmtId="0" fontId="4" fillId="0" borderId="12" xfId="0" applyFont="1" applyFill="1" applyBorder="1" applyAlignment="1">
      <alignment horizontal="left" vertical="top" wrapText="1"/>
    </xf>
    <xf numFmtId="0" fontId="4" fillId="7" borderId="0" xfId="0" applyNumberFormat="1" applyFont="1" applyFill="1" applyAlignment="1">
      <alignment horizontal="left" vertical="top" wrapText="1"/>
    </xf>
    <xf numFmtId="0" fontId="2" fillId="0" borderId="0" xfId="0" applyFont="1" applyAlignment="1">
      <alignment horizontal="left" vertical="center" wrapText="1"/>
    </xf>
    <xf numFmtId="0" fontId="3" fillId="3" borderId="52" xfId="0" applyFont="1" applyFill="1" applyBorder="1" applyAlignment="1">
      <alignment horizontal="left" vertical="center" wrapText="1"/>
    </xf>
    <xf numFmtId="0" fontId="3" fillId="3" borderId="0" xfId="0" applyFont="1" applyFill="1" applyBorder="1" applyAlignment="1">
      <alignment horizontal="left" vertical="center" wrapText="1"/>
    </xf>
    <xf numFmtId="0" fontId="3" fillId="3" borderId="53" xfId="0" applyFont="1" applyFill="1" applyBorder="1" applyAlignment="1">
      <alignment horizontal="left" vertical="center" wrapText="1"/>
    </xf>
    <xf numFmtId="0" fontId="2" fillId="0" borderId="0" xfId="0" applyFont="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0" borderId="42" xfId="0" applyNumberFormat="1" applyFont="1" applyBorder="1" applyAlignment="1">
      <alignment horizontal="left" vertical="center" wrapText="1"/>
    </xf>
    <xf numFmtId="49" fontId="3" fillId="0" borderId="6" xfId="0" applyNumberFormat="1" applyFont="1" applyBorder="1" applyAlignment="1">
      <alignment horizontal="left" vertical="center"/>
    </xf>
    <xf numFmtId="49" fontId="3" fillId="0" borderId="42" xfId="0" applyNumberFormat="1" applyFont="1" applyBorder="1" applyAlignment="1">
      <alignment horizontal="left" vertical="center"/>
    </xf>
    <xf numFmtId="49" fontId="5" fillId="5" borderId="10"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3" fillId="0" borderId="10" xfId="0" applyNumberFormat="1" applyFont="1" applyBorder="1" applyAlignment="1">
      <alignment horizontal="left" vertical="center"/>
    </xf>
    <xf numFmtId="49" fontId="3" fillId="0" borderId="49" xfId="0" applyNumberFormat="1" applyFont="1" applyBorder="1" applyAlignment="1">
      <alignment horizontal="left" vertical="center"/>
    </xf>
    <xf numFmtId="49" fontId="5" fillId="5" borderId="42" xfId="0" applyNumberFormat="1" applyFont="1" applyFill="1" applyBorder="1" applyAlignment="1">
      <alignment horizontal="left" vertical="center" wrapText="1"/>
    </xf>
    <xf numFmtId="49" fontId="5" fillId="5" borderId="6" xfId="0" applyNumberFormat="1" applyFont="1" applyFill="1" applyBorder="1" applyAlignment="1">
      <alignment horizontal="left" vertical="center" wrapText="1"/>
    </xf>
    <xf numFmtId="49" fontId="5" fillId="5" borderId="12" xfId="0" applyNumberFormat="1" applyFont="1" applyFill="1" applyBorder="1" applyAlignment="1">
      <alignment horizontal="left" vertical="center" wrapText="1"/>
    </xf>
    <xf numFmtId="49" fontId="5" fillId="5" borderId="9" xfId="0" applyNumberFormat="1" applyFont="1" applyFill="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0" fontId="4" fillId="0" borderId="0" xfId="0" applyFont="1" applyAlignment="1">
      <alignment horizontal="left" vertical="top" wrapText="1"/>
    </xf>
    <xf numFmtId="49" fontId="5" fillId="0" borderId="42" xfId="0" applyNumberFormat="1" applyFont="1" applyFill="1" applyBorder="1" applyAlignment="1">
      <alignment horizontal="left" vertical="center" wrapText="1"/>
    </xf>
    <xf numFmtId="49" fontId="5" fillId="0" borderId="6" xfId="0" applyNumberFormat="1" applyFont="1" applyFill="1" applyBorder="1" applyAlignment="1">
      <alignment horizontal="left" vertical="center" wrapText="1"/>
    </xf>
    <xf numFmtId="49" fontId="2" fillId="0" borderId="24" xfId="0" applyNumberFormat="1" applyFont="1" applyFill="1" applyBorder="1" applyAlignment="1">
      <alignment horizontal="center" vertical="center" wrapText="1"/>
    </xf>
    <xf numFmtId="49" fontId="2" fillId="0" borderId="58" xfId="0" applyNumberFormat="1" applyFont="1" applyFill="1" applyBorder="1" applyAlignment="1">
      <alignment horizontal="center" vertical="center" wrapText="1"/>
    </xf>
    <xf numFmtId="49" fontId="2" fillId="0" borderId="47" xfId="0" applyNumberFormat="1" applyFont="1" applyFill="1" applyBorder="1" applyAlignment="1">
      <alignment horizontal="center" vertical="center" wrapText="1"/>
    </xf>
    <xf numFmtId="0" fontId="2" fillId="0" borderId="51" xfId="0" applyFont="1" applyBorder="1" applyAlignment="1">
      <alignment horizontal="left" vertical="center" wrapText="1"/>
    </xf>
    <xf numFmtId="49" fontId="3" fillId="0" borderId="24" xfId="0" applyNumberFormat="1" applyFont="1" applyBorder="1" applyAlignment="1">
      <alignment horizontal="left" vertical="center"/>
    </xf>
  </cellXfs>
  <cellStyles count="6">
    <cellStyle name="Normálna" xfId="0" builtinId="0"/>
    <cellStyle name="Normálna 2" xfId="2"/>
    <cellStyle name="Normálne 2" xfId="3"/>
    <cellStyle name="normálne 2 2" xfId="1"/>
    <cellStyle name="normálne 2 2 2" xfId="4"/>
    <cellStyle name="Normálne 4" xfId="5"/>
  </cellStyles>
  <dxfs count="3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5</xdr:row>
          <xdr:rowOff>9525</xdr:rowOff>
        </xdr:from>
        <xdr:to>
          <xdr:col>0</xdr:col>
          <xdr:colOff>885825</xdr:colOff>
          <xdr:row>45</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6</xdr:row>
          <xdr:rowOff>0</xdr:rowOff>
        </xdr:from>
        <xdr:to>
          <xdr:col>0</xdr:col>
          <xdr:colOff>885825</xdr:colOff>
          <xdr:row>4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93"/>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J344"/>
  <sheetViews>
    <sheetView showGridLines="0" tabSelected="1" topLeftCell="A181" zoomScale="80" zoomScaleNormal="80" workbookViewId="0">
      <selection activeCell="A267" sqref="A267:B268"/>
    </sheetView>
  </sheetViews>
  <sheetFormatPr defaultRowHeight="12.75" x14ac:dyDescent="0.2"/>
  <cols>
    <col min="1" max="1" width="14.28515625" style="1"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86" t="s">
        <v>39</v>
      </c>
      <c r="B1" s="186"/>
      <c r="C1" s="186"/>
      <c r="D1" s="186"/>
      <c r="E1" s="186"/>
    </row>
    <row r="2" spans="1:5" ht="27.75" customHeight="1" x14ac:dyDescent="0.2">
      <c r="A2" s="187" t="s">
        <v>38</v>
      </c>
      <c r="B2" s="187"/>
      <c r="C2" s="187"/>
      <c r="D2" s="187"/>
      <c r="E2" s="187"/>
    </row>
    <row r="3" spans="1:5" ht="54.75" customHeight="1" x14ac:dyDescent="0.2">
      <c r="A3" s="188" t="s">
        <v>43</v>
      </c>
      <c r="B3" s="188"/>
      <c r="C3" s="188"/>
      <c r="D3" s="188"/>
      <c r="E3" s="188"/>
    </row>
    <row r="4" spans="1:5" ht="24.95" customHeight="1" x14ac:dyDescent="0.2">
      <c r="A4" s="38" t="s">
        <v>42</v>
      </c>
      <c r="B4" s="39"/>
      <c r="C4" s="33"/>
      <c r="D4" s="33"/>
    </row>
    <row r="5" spans="1:5" ht="24.95" customHeight="1" x14ac:dyDescent="0.2">
      <c r="A5" s="38" t="s">
        <v>40</v>
      </c>
      <c r="B5" s="40"/>
      <c r="C5" s="33"/>
      <c r="D5" s="33"/>
    </row>
    <row r="6" spans="1:5" ht="5.0999999999999996" customHeight="1" x14ac:dyDescent="0.2">
      <c r="A6" s="33"/>
      <c r="B6" s="33"/>
      <c r="C6" s="33"/>
      <c r="D6" s="33"/>
    </row>
    <row r="7" spans="1:5" s="2" customFormat="1" ht="20.100000000000001" customHeight="1" x14ac:dyDescent="0.25">
      <c r="A7" s="160" t="s">
        <v>4</v>
      </c>
      <c r="B7" s="160"/>
      <c r="C7" s="160"/>
      <c r="D7" s="160"/>
      <c r="E7" s="160"/>
    </row>
    <row r="8" spans="1:5" s="2" customFormat="1" ht="20.100000000000001" customHeight="1" x14ac:dyDescent="0.25">
      <c r="A8" s="190" t="s">
        <v>7</v>
      </c>
      <c r="B8" s="190"/>
      <c r="C8" s="190"/>
      <c r="D8" s="190"/>
    </row>
    <row r="9" spans="1:5" ht="24.95" customHeight="1" x14ac:dyDescent="0.2">
      <c r="A9" s="191" t="s">
        <v>103</v>
      </c>
      <c r="B9" s="191"/>
      <c r="C9" s="191"/>
      <c r="D9" s="191"/>
    </row>
    <row r="10" spans="1:5" ht="4.5" customHeight="1" x14ac:dyDescent="0.2">
      <c r="A10" s="35"/>
      <c r="B10" s="35"/>
      <c r="C10" s="35"/>
      <c r="D10" s="35"/>
    </row>
    <row r="11" spans="1:5" s="2" customFormat="1" ht="20.100000000000001" customHeight="1" x14ac:dyDescent="0.25">
      <c r="A11" s="192" t="s">
        <v>8</v>
      </c>
      <c r="B11" s="192"/>
      <c r="C11" s="192"/>
      <c r="D11" s="192"/>
    </row>
    <row r="12" spans="1:5" s="2" customFormat="1" ht="20.100000000000001" customHeight="1" x14ac:dyDescent="0.25">
      <c r="A12" s="193" t="s">
        <v>320</v>
      </c>
      <c r="B12" s="193"/>
      <c r="C12" s="193"/>
      <c r="D12" s="43"/>
    </row>
    <row r="13" spans="1:5" s="3" customFormat="1" ht="20.100000000000001" customHeight="1" x14ac:dyDescent="0.25">
      <c r="A13" s="189" t="s">
        <v>98</v>
      </c>
      <c r="B13" s="189"/>
      <c r="C13" s="189"/>
      <c r="D13" s="16"/>
    </row>
    <row r="14" spans="1:5" ht="4.5" customHeight="1" x14ac:dyDescent="0.2">
      <c r="A14" s="44"/>
      <c r="B14" s="44"/>
      <c r="C14" s="44"/>
      <c r="D14" s="35"/>
    </row>
    <row r="15" spans="1:5" ht="20.100000000000001" customHeight="1" x14ac:dyDescent="0.2">
      <c r="A15" s="34" t="s">
        <v>9</v>
      </c>
      <c r="B15" s="17"/>
      <c r="C15" s="17"/>
      <c r="D15" s="18"/>
    </row>
    <row r="16" spans="1:5" s="3" customFormat="1" ht="24.95" customHeight="1" x14ac:dyDescent="0.25">
      <c r="A16" s="194" t="s">
        <v>49</v>
      </c>
      <c r="B16" s="194"/>
      <c r="C16" s="194"/>
      <c r="D16" s="16"/>
    </row>
    <row r="17" spans="1:5" ht="5.0999999999999996" customHeight="1" x14ac:dyDescent="0.2">
      <c r="A17" s="157"/>
      <c r="B17" s="157"/>
      <c r="C17" s="157"/>
    </row>
    <row r="18" spans="1:5" s="2" customFormat="1" ht="20.100000000000001" customHeight="1" x14ac:dyDescent="0.25">
      <c r="A18" s="160" t="s">
        <v>16</v>
      </c>
      <c r="B18" s="160"/>
      <c r="C18" s="160"/>
      <c r="D18" s="160"/>
      <c r="E18" s="160"/>
    </row>
    <row r="19" spans="1:5" ht="42.75" customHeight="1" x14ac:dyDescent="0.2">
      <c r="A19" s="150" t="s">
        <v>307</v>
      </c>
      <c r="B19" s="150"/>
      <c r="C19" s="150"/>
      <c r="D19" s="150"/>
      <c r="E19" s="150"/>
    </row>
    <row r="20" spans="1:5" ht="5.0999999999999996" customHeight="1" x14ac:dyDescent="0.2">
      <c r="A20" s="157"/>
      <c r="B20" s="157"/>
      <c r="C20" s="157"/>
    </row>
    <row r="21" spans="1:5" s="2" customFormat="1" ht="20.100000000000001" customHeight="1" x14ac:dyDescent="0.25">
      <c r="A21" s="160" t="s">
        <v>17</v>
      </c>
      <c r="B21" s="160"/>
      <c r="C21" s="160"/>
      <c r="D21" s="160"/>
      <c r="E21" s="160"/>
    </row>
    <row r="22" spans="1:5" s="9" customFormat="1" ht="20.100000000000001" customHeight="1" x14ac:dyDescent="0.25">
      <c r="A22" s="156" t="s">
        <v>5</v>
      </c>
      <c r="B22" s="156"/>
      <c r="C22" s="156"/>
      <c r="D22" s="156"/>
    </row>
    <row r="23" spans="1:5" s="9" customFormat="1" ht="20.100000000000001" customHeight="1" x14ac:dyDescent="0.25">
      <c r="A23" s="158" t="s">
        <v>13</v>
      </c>
      <c r="B23" s="159"/>
      <c r="C23" s="14"/>
      <c r="D23" s="14"/>
    </row>
    <row r="24" spans="1:5" s="9" customFormat="1" ht="20.100000000000001" customHeight="1" x14ac:dyDescent="0.25">
      <c r="A24" s="13"/>
      <c r="B24" s="13" t="s">
        <v>104</v>
      </c>
      <c r="C24" s="14"/>
      <c r="D24" s="14"/>
    </row>
    <row r="25" spans="1:5" s="9" customFormat="1" ht="20.100000000000001" customHeight="1" x14ac:dyDescent="0.25">
      <c r="A25" s="13"/>
      <c r="B25" s="13" t="s">
        <v>15</v>
      </c>
      <c r="C25" s="14"/>
      <c r="D25" s="14"/>
    </row>
    <row r="26" spans="1:5" s="9" customFormat="1" ht="20.100000000000001" customHeight="1" x14ac:dyDescent="0.25">
      <c r="A26" s="158" t="s">
        <v>96</v>
      </c>
      <c r="B26" s="159"/>
      <c r="C26" s="14"/>
      <c r="D26" s="14"/>
    </row>
    <row r="27" spans="1:5" s="2" customFormat="1" ht="33.75" customHeight="1" x14ac:dyDescent="0.25">
      <c r="A27" s="151" t="s">
        <v>306</v>
      </c>
      <c r="B27" s="151"/>
      <c r="C27" s="151"/>
      <c r="D27" s="151"/>
      <c r="E27" s="151"/>
    </row>
    <row r="28" spans="1:5" s="97" customFormat="1" ht="31.5" customHeight="1" x14ac:dyDescent="0.25">
      <c r="A28" s="116" t="s">
        <v>302</v>
      </c>
      <c r="B28" s="118" t="s">
        <v>303</v>
      </c>
      <c r="C28" s="119"/>
      <c r="D28" s="117" t="s">
        <v>304</v>
      </c>
      <c r="E28" s="117" t="s">
        <v>308</v>
      </c>
    </row>
    <row r="29" spans="1:5" s="97" customFormat="1" ht="27" customHeight="1" x14ac:dyDescent="0.25">
      <c r="A29" s="152" t="s">
        <v>107</v>
      </c>
      <c r="B29" s="153"/>
      <c r="C29" s="153"/>
      <c r="D29" s="153"/>
      <c r="E29" s="154"/>
    </row>
    <row r="30" spans="1:5" s="113" customFormat="1" ht="27" customHeight="1" x14ac:dyDescent="0.25">
      <c r="A30" s="121" t="s">
        <v>305</v>
      </c>
      <c r="B30" s="155" t="s">
        <v>309</v>
      </c>
      <c r="C30" s="155"/>
      <c r="D30" s="125" t="s">
        <v>1</v>
      </c>
      <c r="E30" s="127">
        <v>10</v>
      </c>
    </row>
    <row r="31" spans="1:5" s="2" customFormat="1" ht="27" customHeight="1" x14ac:dyDescent="0.25">
      <c r="A31" s="121" t="s">
        <v>310</v>
      </c>
      <c r="B31" s="155" t="s">
        <v>311</v>
      </c>
      <c r="C31" s="155"/>
      <c r="D31" s="115" t="s">
        <v>1</v>
      </c>
      <c r="E31" s="126">
        <v>10</v>
      </c>
    </row>
    <row r="32" spans="1:5" s="2" customFormat="1" ht="10.5" customHeight="1" x14ac:dyDescent="0.25">
      <c r="A32" s="121"/>
      <c r="B32" s="128"/>
      <c r="C32" s="128"/>
      <c r="D32" s="128"/>
      <c r="E32" s="129">
        <f>SUM(E30:E31)</f>
        <v>20</v>
      </c>
    </row>
    <row r="33" spans="1:5" s="97" customFormat="1" ht="27" customHeight="1" x14ac:dyDescent="0.25">
      <c r="A33" s="152" t="s">
        <v>155</v>
      </c>
      <c r="B33" s="153"/>
      <c r="C33" s="153"/>
      <c r="D33" s="153"/>
      <c r="E33" s="154"/>
    </row>
    <row r="34" spans="1:5" s="113" customFormat="1" ht="27" customHeight="1" x14ac:dyDescent="0.25">
      <c r="A34" s="121" t="s">
        <v>305</v>
      </c>
      <c r="B34" s="155" t="s">
        <v>313</v>
      </c>
      <c r="C34" s="155"/>
      <c r="D34" s="115" t="s">
        <v>1</v>
      </c>
      <c r="E34" s="127">
        <v>108</v>
      </c>
    </row>
    <row r="35" spans="1:5" s="113" customFormat="1" ht="27" customHeight="1" x14ac:dyDescent="0.25">
      <c r="A35" s="121" t="s">
        <v>310</v>
      </c>
      <c r="B35" s="155" t="s">
        <v>312</v>
      </c>
      <c r="C35" s="155"/>
      <c r="D35" s="115" t="s">
        <v>1</v>
      </c>
      <c r="E35" s="127">
        <v>88</v>
      </c>
    </row>
    <row r="36" spans="1:5" s="2" customFormat="1" ht="27" customHeight="1" x14ac:dyDescent="0.25">
      <c r="A36" s="121" t="s">
        <v>314</v>
      </c>
      <c r="B36" s="155" t="s">
        <v>315</v>
      </c>
      <c r="C36" s="155"/>
      <c r="D36" s="115" t="s">
        <v>1</v>
      </c>
      <c r="E36" s="122">
        <v>20</v>
      </c>
    </row>
    <row r="37" spans="1:5" s="2" customFormat="1" ht="10.5" customHeight="1" x14ac:dyDescent="0.25">
      <c r="A37" s="121"/>
      <c r="B37" s="128"/>
      <c r="C37" s="128"/>
      <c r="D37" s="128"/>
      <c r="E37" s="129">
        <f>SUM(E34:E36)</f>
        <v>216</v>
      </c>
    </row>
    <row r="38" spans="1:5" s="97" customFormat="1" ht="27" customHeight="1" x14ac:dyDescent="0.25">
      <c r="A38" s="152" t="s">
        <v>216</v>
      </c>
      <c r="B38" s="153"/>
      <c r="C38" s="153"/>
      <c r="D38" s="153"/>
      <c r="E38" s="154"/>
    </row>
    <row r="39" spans="1:5" s="113" customFormat="1" ht="27" customHeight="1" x14ac:dyDescent="0.25">
      <c r="A39" s="121" t="s">
        <v>305</v>
      </c>
      <c r="B39" s="155" t="s">
        <v>316</v>
      </c>
      <c r="C39" s="155"/>
      <c r="D39" s="125" t="s">
        <v>1</v>
      </c>
      <c r="E39" s="127">
        <v>40</v>
      </c>
    </row>
    <row r="40" spans="1:5" s="2" customFormat="1" ht="27" customHeight="1" x14ac:dyDescent="0.25">
      <c r="A40" s="121" t="s">
        <v>310</v>
      </c>
      <c r="B40" s="155" t="s">
        <v>317</v>
      </c>
      <c r="C40" s="155"/>
      <c r="D40" s="115" t="s">
        <v>1</v>
      </c>
      <c r="E40" s="122">
        <v>64</v>
      </c>
    </row>
    <row r="41" spans="1:5" s="2" customFormat="1" ht="10.5" customHeight="1" x14ac:dyDescent="0.25">
      <c r="A41" s="121"/>
      <c r="B41" s="128"/>
      <c r="C41" s="128"/>
      <c r="D41" s="128"/>
      <c r="E41" s="129">
        <f>SUM(E39:E40)</f>
        <v>104</v>
      </c>
    </row>
    <row r="42" spans="1:5" s="97" customFormat="1" ht="27" customHeight="1" x14ac:dyDescent="0.25">
      <c r="A42" s="152" t="s">
        <v>318</v>
      </c>
      <c r="B42" s="153"/>
      <c r="C42" s="153"/>
      <c r="D42" s="153"/>
      <c r="E42" s="154"/>
    </row>
    <row r="43" spans="1:5" s="2" customFormat="1" ht="27" customHeight="1" x14ac:dyDescent="0.25">
      <c r="A43" s="123" t="s">
        <v>305</v>
      </c>
      <c r="B43" s="200" t="s">
        <v>319</v>
      </c>
      <c r="C43" s="200"/>
      <c r="D43" s="120" t="s">
        <v>1</v>
      </c>
      <c r="E43" s="124">
        <v>36</v>
      </c>
    </row>
    <row r="44" spans="1:5" s="9" customFormat="1" ht="27" customHeight="1" x14ac:dyDescent="0.25">
      <c r="A44" s="96"/>
      <c r="B44" s="96"/>
      <c r="C44" s="96"/>
      <c r="D44" s="96"/>
    </row>
    <row r="45" spans="1:5" s="9" customFormat="1" ht="10.5" customHeight="1" x14ac:dyDescent="0.25">
      <c r="A45" s="158" t="s">
        <v>14</v>
      </c>
      <c r="B45" s="158"/>
      <c r="C45" s="96"/>
      <c r="D45" s="96"/>
    </row>
    <row r="46" spans="1:5" s="9" customFormat="1" ht="27" customHeight="1" x14ac:dyDescent="0.2">
      <c r="A46" s="10"/>
      <c r="B46" s="9" t="s">
        <v>2</v>
      </c>
      <c r="C46" s="96"/>
      <c r="D46" s="96"/>
    </row>
    <row r="47" spans="1:5" s="9" customFormat="1" ht="27" customHeight="1" x14ac:dyDescent="0.25">
      <c r="A47" s="13"/>
      <c r="B47" s="2" t="s">
        <v>3</v>
      </c>
      <c r="C47" s="96"/>
      <c r="D47" s="96"/>
    </row>
    <row r="48" spans="1:5" ht="10.5" customHeight="1" x14ac:dyDescent="0.2"/>
    <row r="49" spans="1:5" s="2" customFormat="1" ht="20.100000000000001" customHeight="1" x14ac:dyDescent="0.25">
      <c r="A49" s="160" t="s">
        <v>18</v>
      </c>
      <c r="B49" s="160"/>
      <c r="C49" s="160"/>
      <c r="D49" s="160"/>
      <c r="E49" s="160"/>
    </row>
    <row r="50" spans="1:5" s="2" customFormat="1" ht="5.0999999999999996" customHeight="1" thickBot="1" x14ac:dyDescent="0.3">
      <c r="A50" s="15"/>
      <c r="C50" s="6"/>
      <c r="D50" s="6"/>
    </row>
    <row r="51" spans="1:5" s="3" customFormat="1" ht="78.75" customHeight="1" x14ac:dyDescent="0.25">
      <c r="A51" s="161" t="s">
        <v>0</v>
      </c>
      <c r="B51" s="162"/>
      <c r="C51" s="165" t="s">
        <v>19</v>
      </c>
      <c r="D51" s="166"/>
      <c r="E51" s="19"/>
    </row>
    <row r="52" spans="1:5" s="3" customFormat="1" ht="35.25" customHeight="1" thickBot="1" x14ac:dyDescent="0.3">
      <c r="A52" s="163"/>
      <c r="B52" s="164"/>
      <c r="C52" s="20" t="s">
        <v>20</v>
      </c>
      <c r="D52" s="66" t="s">
        <v>21</v>
      </c>
    </row>
    <row r="53" spans="1:5" s="21" customFormat="1" ht="30.75" customHeight="1" x14ac:dyDescent="0.25">
      <c r="A53" s="170" t="s">
        <v>107</v>
      </c>
      <c r="B53" s="171"/>
      <c r="C53" s="171"/>
      <c r="D53" s="172"/>
    </row>
    <row r="54" spans="1:5" s="4" customFormat="1" ht="29.25" customHeight="1" x14ac:dyDescent="0.25">
      <c r="A54" s="167" t="s">
        <v>106</v>
      </c>
      <c r="B54" s="168"/>
      <c r="C54" s="48"/>
      <c r="D54" s="76" t="s">
        <v>66</v>
      </c>
    </row>
    <row r="55" spans="1:5" s="4" customFormat="1" ht="29.25" customHeight="1" x14ac:dyDescent="0.25">
      <c r="A55" s="106" t="s">
        <v>11</v>
      </c>
      <c r="B55" s="41" t="s">
        <v>108</v>
      </c>
      <c r="C55" s="48"/>
      <c r="D55" s="58"/>
    </row>
    <row r="56" spans="1:5" s="4" customFormat="1" ht="29.25" customHeight="1" x14ac:dyDescent="0.25">
      <c r="A56" s="106" t="s">
        <v>50</v>
      </c>
      <c r="B56" s="41" t="s">
        <v>109</v>
      </c>
      <c r="C56" s="48"/>
      <c r="D56" s="58"/>
    </row>
    <row r="57" spans="1:5" s="4" customFormat="1" ht="40.5" customHeight="1" x14ac:dyDescent="0.25">
      <c r="A57" s="106" t="s">
        <v>51</v>
      </c>
      <c r="B57" s="41" t="s">
        <v>110</v>
      </c>
      <c r="C57" s="48"/>
      <c r="D57" s="58"/>
    </row>
    <row r="58" spans="1:5" s="4" customFormat="1" ht="29.25" customHeight="1" x14ac:dyDescent="0.25">
      <c r="A58" s="106" t="s">
        <v>52</v>
      </c>
      <c r="B58" s="41" t="s">
        <v>111</v>
      </c>
      <c r="C58" s="50"/>
      <c r="D58" s="59"/>
    </row>
    <row r="59" spans="1:5" s="4" customFormat="1" ht="39.75" customHeight="1" x14ac:dyDescent="0.25">
      <c r="A59" s="106" t="s">
        <v>94</v>
      </c>
      <c r="B59" s="68" t="s">
        <v>112</v>
      </c>
      <c r="C59" s="50"/>
      <c r="D59" s="58"/>
    </row>
    <row r="60" spans="1:5" s="4" customFormat="1" ht="29.25" customHeight="1" x14ac:dyDescent="0.25">
      <c r="A60" s="106" t="s">
        <v>95</v>
      </c>
      <c r="B60" s="68" t="s">
        <v>113</v>
      </c>
      <c r="C60" s="70"/>
      <c r="D60" s="58"/>
    </row>
    <row r="61" spans="1:5" s="4" customFormat="1" ht="29.25" customHeight="1" x14ac:dyDescent="0.25">
      <c r="A61" s="42" t="s">
        <v>121</v>
      </c>
      <c r="B61" s="68" t="s">
        <v>114</v>
      </c>
      <c r="C61" s="70"/>
      <c r="D61" s="58"/>
    </row>
    <row r="62" spans="1:5" s="4" customFormat="1" ht="29.25" customHeight="1" x14ac:dyDescent="0.25">
      <c r="A62" s="42" t="s">
        <v>122</v>
      </c>
      <c r="B62" s="68" t="s">
        <v>115</v>
      </c>
      <c r="C62" s="70"/>
      <c r="D62" s="58"/>
    </row>
    <row r="63" spans="1:5" s="4" customFormat="1" ht="29.25" customHeight="1" x14ac:dyDescent="0.25">
      <c r="A63" s="42" t="s">
        <v>123</v>
      </c>
      <c r="B63" s="75" t="s">
        <v>116</v>
      </c>
      <c r="C63" s="70"/>
      <c r="D63" s="58"/>
    </row>
    <row r="64" spans="1:5" s="4" customFormat="1" ht="29.25" customHeight="1" x14ac:dyDescent="0.25">
      <c r="A64" s="42" t="s">
        <v>124</v>
      </c>
      <c r="B64" s="71" t="s">
        <v>117</v>
      </c>
      <c r="C64" s="70"/>
      <c r="D64" s="58"/>
    </row>
    <row r="65" spans="1:4" s="4" customFormat="1" ht="29.25" customHeight="1" x14ac:dyDescent="0.25">
      <c r="A65" s="42" t="s">
        <v>125</v>
      </c>
      <c r="B65" s="71" t="s">
        <v>118</v>
      </c>
      <c r="C65" s="70"/>
      <c r="D65" s="58"/>
    </row>
    <row r="66" spans="1:4" s="4" customFormat="1" ht="29.25" customHeight="1" x14ac:dyDescent="0.25">
      <c r="A66" s="106" t="s">
        <v>55</v>
      </c>
      <c r="B66" s="72" t="s">
        <v>119</v>
      </c>
      <c r="C66" s="70"/>
      <c r="D66" s="58"/>
    </row>
    <row r="67" spans="1:4" s="4" customFormat="1" ht="29.25" customHeight="1" thickBot="1" x14ac:dyDescent="0.3">
      <c r="A67" s="56" t="s">
        <v>126</v>
      </c>
      <c r="B67" s="98" t="s">
        <v>120</v>
      </c>
      <c r="C67" s="70"/>
      <c r="D67" s="101"/>
    </row>
    <row r="68" spans="1:4" s="4" customFormat="1" ht="29.25" customHeight="1" x14ac:dyDescent="0.25">
      <c r="A68" s="173" t="s">
        <v>105</v>
      </c>
      <c r="B68" s="174"/>
      <c r="C68" s="70"/>
      <c r="D68" s="100" t="s">
        <v>66</v>
      </c>
    </row>
    <row r="69" spans="1:4" s="4" customFormat="1" ht="29.25" customHeight="1" x14ac:dyDescent="0.25">
      <c r="A69" s="106" t="s">
        <v>11</v>
      </c>
      <c r="B69" s="75" t="s">
        <v>127</v>
      </c>
      <c r="C69" s="70"/>
      <c r="D69" s="99"/>
    </row>
    <row r="70" spans="1:4" s="4" customFormat="1" ht="42.75" customHeight="1" x14ac:dyDescent="0.25">
      <c r="A70" s="104" t="s">
        <v>50</v>
      </c>
      <c r="B70" s="46" t="s">
        <v>128</v>
      </c>
      <c r="C70" s="48"/>
      <c r="D70" s="58"/>
    </row>
    <row r="71" spans="1:4" s="4" customFormat="1" ht="37.5" customHeight="1" x14ac:dyDescent="0.25">
      <c r="A71" s="104" t="s">
        <v>92</v>
      </c>
      <c r="B71" s="46" t="s">
        <v>128</v>
      </c>
      <c r="C71" s="48"/>
      <c r="D71" s="58"/>
    </row>
    <row r="72" spans="1:4" s="4" customFormat="1" ht="29.25" customHeight="1" x14ac:dyDescent="0.25">
      <c r="A72" s="104" t="s">
        <v>93</v>
      </c>
      <c r="B72" s="46" t="s">
        <v>111</v>
      </c>
      <c r="C72" s="48"/>
      <c r="D72" s="58"/>
    </row>
    <row r="73" spans="1:4" s="4" customFormat="1" ht="42" customHeight="1" x14ac:dyDescent="0.25">
      <c r="A73" s="104" t="s">
        <v>94</v>
      </c>
      <c r="B73" s="46" t="s">
        <v>129</v>
      </c>
      <c r="C73" s="48"/>
      <c r="D73" s="58"/>
    </row>
    <row r="74" spans="1:4" s="4" customFormat="1" ht="29.25" customHeight="1" x14ac:dyDescent="0.25">
      <c r="A74" s="104" t="s">
        <v>95</v>
      </c>
      <c r="B74" s="46" t="s">
        <v>130</v>
      </c>
      <c r="C74" s="48"/>
      <c r="D74" s="58"/>
    </row>
    <row r="75" spans="1:4" s="4" customFormat="1" ht="29.25" customHeight="1" x14ac:dyDescent="0.25">
      <c r="A75" s="52" t="s">
        <v>121</v>
      </c>
      <c r="B75" s="46" t="s">
        <v>131</v>
      </c>
      <c r="C75" s="48"/>
      <c r="D75" s="58"/>
    </row>
    <row r="76" spans="1:4" s="4" customFormat="1" ht="29.25" customHeight="1" x14ac:dyDescent="0.25">
      <c r="A76" s="52" t="s">
        <v>122</v>
      </c>
      <c r="B76" s="46" t="s">
        <v>132</v>
      </c>
      <c r="C76" s="48"/>
      <c r="D76" s="58"/>
    </row>
    <row r="77" spans="1:4" s="4" customFormat="1" ht="29.25" customHeight="1" x14ac:dyDescent="0.25">
      <c r="A77" s="52" t="s">
        <v>123</v>
      </c>
      <c r="B77" s="46" t="s">
        <v>133</v>
      </c>
      <c r="C77" s="48"/>
      <c r="D77" s="58"/>
    </row>
    <row r="78" spans="1:4" s="4" customFormat="1" ht="29.25" customHeight="1" x14ac:dyDescent="0.25">
      <c r="A78" s="52" t="s">
        <v>124</v>
      </c>
      <c r="B78" s="46" t="s">
        <v>134</v>
      </c>
      <c r="C78" s="48"/>
      <c r="D78" s="58"/>
    </row>
    <row r="79" spans="1:4" s="4" customFormat="1" ht="29.25" customHeight="1" x14ac:dyDescent="0.25">
      <c r="A79" s="52" t="s">
        <v>125</v>
      </c>
      <c r="B79" s="46" t="s">
        <v>135</v>
      </c>
      <c r="C79" s="48"/>
      <c r="D79" s="58"/>
    </row>
    <row r="80" spans="1:4" s="4" customFormat="1" ht="29.25" customHeight="1" x14ac:dyDescent="0.25">
      <c r="A80" s="52" t="s">
        <v>198</v>
      </c>
      <c r="B80" s="46" t="s">
        <v>136</v>
      </c>
      <c r="C80" s="48"/>
      <c r="D80" s="58"/>
    </row>
    <row r="81" spans="1:4" s="4" customFormat="1" ht="29.25" customHeight="1" x14ac:dyDescent="0.25">
      <c r="A81" s="52" t="s">
        <v>199</v>
      </c>
      <c r="B81" s="46" t="s">
        <v>137</v>
      </c>
      <c r="C81" s="48"/>
      <c r="D81" s="58"/>
    </row>
    <row r="82" spans="1:4" s="4" customFormat="1" ht="29.25" customHeight="1" x14ac:dyDescent="0.25">
      <c r="A82" s="52" t="s">
        <v>200</v>
      </c>
      <c r="B82" s="46" t="s">
        <v>138</v>
      </c>
      <c r="C82" s="48"/>
      <c r="D82" s="58"/>
    </row>
    <row r="83" spans="1:4" s="4" customFormat="1" ht="29.25" customHeight="1" x14ac:dyDescent="0.25">
      <c r="A83" s="52" t="s">
        <v>201</v>
      </c>
      <c r="B83" s="41" t="s">
        <v>139</v>
      </c>
      <c r="C83" s="48"/>
      <c r="D83" s="58"/>
    </row>
    <row r="84" spans="1:4" s="4" customFormat="1" ht="29.25" customHeight="1" x14ac:dyDescent="0.25">
      <c r="A84" s="52" t="s">
        <v>202</v>
      </c>
      <c r="B84" s="41" t="s">
        <v>140</v>
      </c>
      <c r="C84" s="48"/>
      <c r="D84" s="58"/>
    </row>
    <row r="85" spans="1:4" s="4" customFormat="1" ht="29.25" customHeight="1" x14ac:dyDescent="0.25">
      <c r="A85" s="52" t="s">
        <v>203</v>
      </c>
      <c r="B85" s="53" t="s">
        <v>141</v>
      </c>
      <c r="C85" s="54"/>
      <c r="D85" s="76"/>
    </row>
    <row r="86" spans="1:4" s="4" customFormat="1" ht="29.25" customHeight="1" x14ac:dyDescent="0.25">
      <c r="A86" s="52" t="s">
        <v>204</v>
      </c>
      <c r="B86" s="53" t="s">
        <v>142</v>
      </c>
      <c r="C86" s="55"/>
      <c r="D86" s="77"/>
    </row>
    <row r="87" spans="1:4" s="4" customFormat="1" ht="29.25" customHeight="1" x14ac:dyDescent="0.25">
      <c r="A87" s="52" t="s">
        <v>205</v>
      </c>
      <c r="B87" s="46" t="s">
        <v>143</v>
      </c>
      <c r="C87" s="48"/>
      <c r="D87" s="58"/>
    </row>
    <row r="88" spans="1:4" s="4" customFormat="1" ht="29.25" customHeight="1" x14ac:dyDescent="0.25">
      <c r="A88" s="52" t="s">
        <v>206</v>
      </c>
      <c r="B88" s="46" t="s">
        <v>144</v>
      </c>
      <c r="C88" s="48"/>
      <c r="D88" s="58"/>
    </row>
    <row r="89" spans="1:4" s="4" customFormat="1" ht="29.25" customHeight="1" x14ac:dyDescent="0.25">
      <c r="A89" s="52" t="s">
        <v>207</v>
      </c>
      <c r="B89" s="46" t="s">
        <v>145</v>
      </c>
      <c r="C89" s="48"/>
      <c r="D89" s="58"/>
    </row>
    <row r="90" spans="1:4" s="4" customFormat="1" ht="29.25" customHeight="1" x14ac:dyDescent="0.25">
      <c r="A90" s="52" t="s">
        <v>208</v>
      </c>
      <c r="B90" s="46" t="s">
        <v>146</v>
      </c>
      <c r="C90" s="48"/>
      <c r="D90" s="58"/>
    </row>
    <row r="91" spans="1:4" s="4" customFormat="1" ht="29.25" customHeight="1" x14ac:dyDescent="0.25">
      <c r="A91" s="52" t="s">
        <v>209</v>
      </c>
      <c r="B91" s="46" t="s">
        <v>147</v>
      </c>
      <c r="C91" s="48"/>
      <c r="D91" s="58"/>
    </row>
    <row r="92" spans="1:4" s="4" customFormat="1" ht="29.25" customHeight="1" x14ac:dyDescent="0.25">
      <c r="A92" s="52" t="s">
        <v>210</v>
      </c>
      <c r="B92" s="46" t="s">
        <v>148</v>
      </c>
      <c r="C92" s="48"/>
      <c r="D92" s="58"/>
    </row>
    <row r="93" spans="1:4" s="4" customFormat="1" ht="29.25" customHeight="1" x14ac:dyDescent="0.25">
      <c r="A93" s="52" t="s">
        <v>211</v>
      </c>
      <c r="B93" s="46" t="s">
        <v>149</v>
      </c>
      <c r="C93" s="48"/>
      <c r="D93" s="58"/>
    </row>
    <row r="94" spans="1:4" s="4" customFormat="1" ht="29.25" customHeight="1" x14ac:dyDescent="0.25">
      <c r="A94" s="52" t="s">
        <v>212</v>
      </c>
      <c r="B94" s="46" t="s">
        <v>150</v>
      </c>
      <c r="C94" s="48"/>
      <c r="D94" s="58"/>
    </row>
    <row r="95" spans="1:4" s="4" customFormat="1" ht="29.25" customHeight="1" x14ac:dyDescent="0.25">
      <c r="A95" s="104" t="s">
        <v>55</v>
      </c>
      <c r="B95" s="46" t="s">
        <v>151</v>
      </c>
      <c r="C95" s="48"/>
      <c r="D95" s="58"/>
    </row>
    <row r="96" spans="1:4" s="4" customFormat="1" ht="29.25" customHeight="1" x14ac:dyDescent="0.25">
      <c r="A96" s="42" t="s">
        <v>126</v>
      </c>
      <c r="B96" s="46" t="s">
        <v>152</v>
      </c>
      <c r="C96" s="48"/>
      <c r="D96" s="58"/>
    </row>
    <row r="97" spans="1:4" s="4" customFormat="1" ht="29.25" customHeight="1" x14ac:dyDescent="0.25">
      <c r="A97" s="42" t="s">
        <v>170</v>
      </c>
      <c r="B97" s="46" t="s">
        <v>153</v>
      </c>
      <c r="C97" s="48"/>
      <c r="D97" s="58"/>
    </row>
    <row r="98" spans="1:4" s="4" customFormat="1" ht="29.25" customHeight="1" x14ac:dyDescent="0.25">
      <c r="A98" s="42" t="s">
        <v>171</v>
      </c>
      <c r="B98" s="46" t="s">
        <v>135</v>
      </c>
      <c r="C98" s="50"/>
      <c r="D98" s="59"/>
    </row>
    <row r="99" spans="1:4" s="4" customFormat="1" ht="29.25" customHeight="1" x14ac:dyDescent="0.25">
      <c r="A99" s="42" t="s">
        <v>172</v>
      </c>
      <c r="B99" s="41" t="s">
        <v>136</v>
      </c>
      <c r="C99" s="48"/>
      <c r="D99" s="58"/>
    </row>
    <row r="100" spans="1:4" s="4" customFormat="1" ht="29.25" customHeight="1" x14ac:dyDescent="0.25">
      <c r="A100" s="42" t="s">
        <v>173</v>
      </c>
      <c r="B100" s="46" t="s">
        <v>137</v>
      </c>
      <c r="C100" s="51"/>
      <c r="D100" s="60"/>
    </row>
    <row r="101" spans="1:4" s="4" customFormat="1" ht="29.25" customHeight="1" thickBot="1" x14ac:dyDescent="0.3">
      <c r="A101" s="42" t="s">
        <v>174</v>
      </c>
      <c r="B101" s="46" t="s">
        <v>154</v>
      </c>
      <c r="C101" s="48"/>
      <c r="D101" s="58"/>
    </row>
    <row r="102" spans="1:4" s="4" customFormat="1" ht="29.25" customHeight="1" x14ac:dyDescent="0.25">
      <c r="A102" s="170" t="s">
        <v>155</v>
      </c>
      <c r="B102" s="171"/>
      <c r="C102" s="171"/>
      <c r="D102" s="172"/>
    </row>
    <row r="103" spans="1:4" s="4" customFormat="1" ht="29.25" customHeight="1" x14ac:dyDescent="0.25">
      <c r="A103" s="169" t="s">
        <v>106</v>
      </c>
      <c r="B103" s="168"/>
      <c r="C103" s="48"/>
      <c r="D103" s="76" t="s">
        <v>66</v>
      </c>
    </row>
    <row r="104" spans="1:4" s="4" customFormat="1" ht="29.25" customHeight="1" x14ac:dyDescent="0.25">
      <c r="A104" s="105" t="s">
        <v>11</v>
      </c>
      <c r="B104" s="41" t="s">
        <v>108</v>
      </c>
      <c r="C104" s="48"/>
      <c r="D104" s="58"/>
    </row>
    <row r="105" spans="1:4" s="4" customFormat="1" ht="29.25" customHeight="1" x14ac:dyDescent="0.25">
      <c r="A105" s="106" t="s">
        <v>169</v>
      </c>
      <c r="B105" s="41" t="s">
        <v>156</v>
      </c>
      <c r="C105" s="48"/>
      <c r="D105" s="58"/>
    </row>
    <row r="106" spans="1:4" s="4" customFormat="1" ht="30" customHeight="1" x14ac:dyDescent="0.25">
      <c r="A106" s="106" t="s">
        <v>92</v>
      </c>
      <c r="B106" s="41" t="s">
        <v>157</v>
      </c>
      <c r="C106" s="69"/>
      <c r="D106" s="58"/>
    </row>
    <row r="107" spans="1:4" s="4" customFormat="1" ht="40.5" customHeight="1" thickBot="1" x14ac:dyDescent="0.3">
      <c r="A107" s="106" t="s">
        <v>93</v>
      </c>
      <c r="B107" s="41" t="s">
        <v>158</v>
      </c>
      <c r="C107" s="78"/>
      <c r="D107" s="58"/>
    </row>
    <row r="108" spans="1:4" s="4" customFormat="1" ht="30" customHeight="1" x14ac:dyDescent="0.25">
      <c r="A108" s="106" t="s">
        <v>94</v>
      </c>
      <c r="B108" s="46" t="s">
        <v>159</v>
      </c>
      <c r="C108" s="48"/>
      <c r="D108" s="58"/>
    </row>
    <row r="109" spans="1:4" s="4" customFormat="1" ht="30" customHeight="1" x14ac:dyDescent="0.25">
      <c r="A109" s="106" t="s">
        <v>95</v>
      </c>
      <c r="B109" s="46" t="s">
        <v>160</v>
      </c>
      <c r="C109" s="48"/>
      <c r="D109" s="58"/>
    </row>
    <row r="110" spans="1:4" s="4" customFormat="1" ht="30" customHeight="1" x14ac:dyDescent="0.25">
      <c r="A110" s="106" t="s">
        <v>90</v>
      </c>
      <c r="B110" s="46" t="s">
        <v>161</v>
      </c>
      <c r="C110" s="48"/>
      <c r="D110" s="58"/>
    </row>
    <row r="111" spans="1:4" s="4" customFormat="1" ht="30" customHeight="1" x14ac:dyDescent="0.25">
      <c r="A111" s="52" t="s">
        <v>126</v>
      </c>
      <c r="B111" s="46" t="s">
        <v>162</v>
      </c>
      <c r="C111" s="48"/>
      <c r="D111" s="58"/>
    </row>
    <row r="112" spans="1:4" s="4" customFormat="1" ht="30" customHeight="1" x14ac:dyDescent="0.25">
      <c r="A112" s="52" t="s">
        <v>170</v>
      </c>
      <c r="B112" s="41" t="s">
        <v>163</v>
      </c>
      <c r="C112" s="48"/>
      <c r="D112" s="58"/>
    </row>
    <row r="113" spans="1:10" s="4" customFormat="1" ht="30" customHeight="1" x14ac:dyDescent="0.25">
      <c r="A113" s="52" t="s">
        <v>171</v>
      </c>
      <c r="B113" s="41" t="s">
        <v>164</v>
      </c>
      <c r="C113" s="48"/>
      <c r="D113" s="58"/>
    </row>
    <row r="114" spans="1:10" s="4" customFormat="1" ht="30" customHeight="1" x14ac:dyDescent="0.25">
      <c r="A114" s="52" t="s">
        <v>172</v>
      </c>
      <c r="B114" s="41" t="s">
        <v>165</v>
      </c>
      <c r="C114" s="48"/>
      <c r="D114" s="58"/>
    </row>
    <row r="115" spans="1:10" s="4" customFormat="1" ht="30" customHeight="1" x14ac:dyDescent="0.25">
      <c r="A115" s="52" t="s">
        <v>173</v>
      </c>
      <c r="B115" s="41" t="s">
        <v>166</v>
      </c>
      <c r="C115" s="48"/>
      <c r="D115" s="58"/>
    </row>
    <row r="116" spans="1:10" s="4" customFormat="1" ht="30" customHeight="1" x14ac:dyDescent="0.25">
      <c r="A116" s="52" t="s">
        <v>174</v>
      </c>
      <c r="B116" s="41" t="s">
        <v>167</v>
      </c>
      <c r="C116" s="48"/>
      <c r="D116" s="58"/>
    </row>
    <row r="117" spans="1:10" s="4" customFormat="1" ht="30" customHeight="1" x14ac:dyDescent="0.25">
      <c r="A117" s="52" t="s">
        <v>175</v>
      </c>
      <c r="B117" s="41" t="s">
        <v>168</v>
      </c>
      <c r="C117" s="48"/>
      <c r="D117" s="58"/>
    </row>
    <row r="118" spans="1:10" s="4" customFormat="1" ht="30" customHeight="1" x14ac:dyDescent="0.25">
      <c r="A118" s="169" t="s">
        <v>195</v>
      </c>
      <c r="B118" s="168"/>
      <c r="C118" s="48"/>
      <c r="D118" s="76" t="s">
        <v>66</v>
      </c>
    </row>
    <row r="119" spans="1:10" s="4" customFormat="1" ht="30" customHeight="1" x14ac:dyDescent="0.25">
      <c r="A119" s="104" t="s">
        <v>11</v>
      </c>
      <c r="B119" s="41" t="s">
        <v>176</v>
      </c>
      <c r="C119" s="48"/>
      <c r="D119" s="58"/>
    </row>
    <row r="120" spans="1:10" s="4" customFormat="1" ht="30" customHeight="1" x14ac:dyDescent="0.25">
      <c r="A120" s="104" t="s">
        <v>50</v>
      </c>
      <c r="B120" s="41" t="s">
        <v>156</v>
      </c>
      <c r="C120" s="48"/>
      <c r="D120" s="58"/>
    </row>
    <row r="121" spans="1:10" s="4" customFormat="1" ht="30" customHeight="1" x14ac:dyDescent="0.25">
      <c r="A121" s="104" t="s">
        <v>92</v>
      </c>
      <c r="B121" s="41" t="s">
        <v>157</v>
      </c>
      <c r="C121" s="48"/>
      <c r="D121" s="58"/>
    </row>
    <row r="122" spans="1:10" s="4" customFormat="1" ht="30" customHeight="1" x14ac:dyDescent="0.25">
      <c r="A122" s="104" t="s">
        <v>93</v>
      </c>
      <c r="B122" s="41" t="s">
        <v>158</v>
      </c>
      <c r="C122" s="48"/>
      <c r="D122" s="58"/>
    </row>
    <row r="123" spans="1:10" s="4" customFormat="1" ht="30" customHeight="1" x14ac:dyDescent="0.25">
      <c r="A123" s="104" t="s">
        <v>94</v>
      </c>
      <c r="B123" s="41" t="s">
        <v>177</v>
      </c>
      <c r="C123" s="48"/>
      <c r="D123" s="58"/>
    </row>
    <row r="124" spans="1:10" s="4" customFormat="1" ht="30" customHeight="1" x14ac:dyDescent="0.25">
      <c r="A124" s="104" t="s">
        <v>95</v>
      </c>
      <c r="B124" s="41" t="s">
        <v>178</v>
      </c>
      <c r="C124" s="48"/>
      <c r="D124" s="58"/>
      <c r="J124" s="76"/>
    </row>
    <row r="125" spans="1:10" s="4" customFormat="1" ht="30" customHeight="1" x14ac:dyDescent="0.25">
      <c r="A125" s="104" t="s">
        <v>90</v>
      </c>
      <c r="B125" s="41" t="s">
        <v>179</v>
      </c>
      <c r="C125" s="48"/>
      <c r="D125" s="58"/>
    </row>
    <row r="126" spans="1:10" s="4" customFormat="1" ht="30" customHeight="1" x14ac:dyDescent="0.25">
      <c r="A126" s="52" t="s">
        <v>126</v>
      </c>
      <c r="B126" s="41" t="s">
        <v>180</v>
      </c>
      <c r="C126" s="48"/>
      <c r="D126" s="58"/>
    </row>
    <row r="127" spans="1:10" s="4" customFormat="1" ht="30" customHeight="1" x14ac:dyDescent="0.25">
      <c r="A127" s="52" t="s">
        <v>170</v>
      </c>
      <c r="B127" s="41" t="s">
        <v>181</v>
      </c>
      <c r="C127" s="48"/>
      <c r="D127" s="58"/>
    </row>
    <row r="128" spans="1:10" s="4" customFormat="1" ht="30" customHeight="1" x14ac:dyDescent="0.25">
      <c r="A128" s="52" t="s">
        <v>171</v>
      </c>
      <c r="B128" s="41" t="s">
        <v>182</v>
      </c>
      <c r="C128" s="48"/>
      <c r="D128" s="58"/>
    </row>
    <row r="129" spans="1:4" s="4" customFormat="1" ht="30" customHeight="1" x14ac:dyDescent="0.25">
      <c r="A129" s="52" t="s">
        <v>172</v>
      </c>
      <c r="B129" s="41" t="s">
        <v>183</v>
      </c>
      <c r="C129" s="48"/>
      <c r="D129" s="58"/>
    </row>
    <row r="130" spans="1:4" s="4" customFormat="1" ht="30" customHeight="1" x14ac:dyDescent="0.25">
      <c r="A130" s="52" t="s">
        <v>173</v>
      </c>
      <c r="B130" s="41" t="s">
        <v>184</v>
      </c>
      <c r="C130" s="48"/>
      <c r="D130" s="58"/>
    </row>
    <row r="131" spans="1:4" s="4" customFormat="1" ht="30" customHeight="1" x14ac:dyDescent="0.25">
      <c r="A131" s="52" t="s">
        <v>174</v>
      </c>
      <c r="B131" s="41" t="s">
        <v>185</v>
      </c>
      <c r="C131" s="48"/>
      <c r="D131" s="58"/>
    </row>
    <row r="132" spans="1:4" s="4" customFormat="1" ht="30" customHeight="1" x14ac:dyDescent="0.25">
      <c r="A132" s="52" t="s">
        <v>175</v>
      </c>
      <c r="B132" s="41" t="s">
        <v>186</v>
      </c>
      <c r="C132" s="48"/>
      <c r="D132" s="58"/>
    </row>
    <row r="133" spans="1:4" s="4" customFormat="1" ht="30" customHeight="1" x14ac:dyDescent="0.25">
      <c r="A133" s="52" t="s">
        <v>191</v>
      </c>
      <c r="B133" s="41" t="s">
        <v>187</v>
      </c>
      <c r="C133" s="48"/>
      <c r="D133" s="58"/>
    </row>
    <row r="134" spans="1:4" s="4" customFormat="1" ht="30" customHeight="1" x14ac:dyDescent="0.25">
      <c r="A134" s="52" t="s">
        <v>192</v>
      </c>
      <c r="B134" s="41" t="s">
        <v>188</v>
      </c>
      <c r="C134" s="48"/>
      <c r="D134" s="58"/>
    </row>
    <row r="135" spans="1:4" s="4" customFormat="1" ht="30" customHeight="1" x14ac:dyDescent="0.25">
      <c r="A135" s="52" t="s">
        <v>193</v>
      </c>
      <c r="B135" s="41" t="s">
        <v>189</v>
      </c>
      <c r="C135" s="48"/>
      <c r="D135" s="58"/>
    </row>
    <row r="136" spans="1:4" s="4" customFormat="1" ht="30" customHeight="1" x14ac:dyDescent="0.25">
      <c r="A136" s="52" t="s">
        <v>194</v>
      </c>
      <c r="B136" s="102" t="s">
        <v>190</v>
      </c>
      <c r="C136" s="48"/>
      <c r="D136" s="58"/>
    </row>
    <row r="137" spans="1:4" s="4" customFormat="1" ht="30" customHeight="1" x14ac:dyDescent="0.25">
      <c r="A137" s="195" t="s">
        <v>287</v>
      </c>
      <c r="B137" s="196"/>
      <c r="C137" s="48"/>
      <c r="D137" s="58"/>
    </row>
    <row r="138" spans="1:4" s="4" customFormat="1" ht="30" customHeight="1" x14ac:dyDescent="0.25">
      <c r="A138" s="104" t="s">
        <v>11</v>
      </c>
      <c r="B138" s="46" t="s">
        <v>176</v>
      </c>
      <c r="C138" s="48"/>
      <c r="D138" s="58"/>
    </row>
    <row r="139" spans="1:4" s="4" customFormat="1" ht="30" customHeight="1" x14ac:dyDescent="0.25">
      <c r="A139" s="104" t="s">
        <v>50</v>
      </c>
      <c r="B139" s="46" t="s">
        <v>156</v>
      </c>
      <c r="C139" s="48"/>
      <c r="D139" s="58"/>
    </row>
    <row r="140" spans="1:4" s="4" customFormat="1" ht="30" customHeight="1" x14ac:dyDescent="0.25">
      <c r="A140" s="104" t="s">
        <v>92</v>
      </c>
      <c r="B140" s="46" t="s">
        <v>157</v>
      </c>
      <c r="C140" s="48"/>
      <c r="D140" s="58"/>
    </row>
    <row r="141" spans="1:4" s="4" customFormat="1" ht="30" customHeight="1" x14ac:dyDescent="0.25">
      <c r="A141" s="104" t="s">
        <v>93</v>
      </c>
      <c r="B141" s="46" t="s">
        <v>158</v>
      </c>
      <c r="C141" s="48"/>
      <c r="D141" s="58"/>
    </row>
    <row r="142" spans="1:4" s="4" customFormat="1" ht="30" customHeight="1" x14ac:dyDescent="0.25">
      <c r="A142" s="104" t="s">
        <v>94</v>
      </c>
      <c r="B142" s="46" t="s">
        <v>177</v>
      </c>
      <c r="C142" s="48"/>
      <c r="D142" s="58"/>
    </row>
    <row r="143" spans="1:4" s="4" customFormat="1" ht="30" customHeight="1" x14ac:dyDescent="0.25">
      <c r="A143" s="104" t="s">
        <v>95</v>
      </c>
      <c r="B143" s="46" t="s">
        <v>213</v>
      </c>
      <c r="C143" s="48"/>
      <c r="D143" s="58"/>
    </row>
    <row r="144" spans="1:4" s="4" customFormat="1" ht="30" customHeight="1" x14ac:dyDescent="0.25">
      <c r="A144" s="104" t="s">
        <v>55</v>
      </c>
      <c r="B144" s="46" t="s">
        <v>214</v>
      </c>
      <c r="C144" s="48"/>
      <c r="D144" s="58"/>
    </row>
    <row r="145" spans="1:4" s="4" customFormat="1" ht="30" customHeight="1" x14ac:dyDescent="0.25">
      <c r="A145" s="52" t="s">
        <v>126</v>
      </c>
      <c r="B145" s="46" t="s">
        <v>180</v>
      </c>
      <c r="C145" s="48"/>
      <c r="D145" s="58"/>
    </row>
    <row r="146" spans="1:4" s="4" customFormat="1" ht="30" customHeight="1" x14ac:dyDescent="0.25">
      <c r="A146" s="52" t="s">
        <v>170</v>
      </c>
      <c r="B146" s="46" t="s">
        <v>181</v>
      </c>
      <c r="C146" s="48"/>
      <c r="D146" s="58"/>
    </row>
    <row r="147" spans="1:4" s="4" customFormat="1" ht="30" customHeight="1" x14ac:dyDescent="0.25">
      <c r="A147" s="52" t="s">
        <v>171</v>
      </c>
      <c r="B147" s="46" t="s">
        <v>182</v>
      </c>
      <c r="C147" s="48"/>
      <c r="D147" s="58"/>
    </row>
    <row r="148" spans="1:4" s="4" customFormat="1" ht="30" customHeight="1" x14ac:dyDescent="0.25">
      <c r="A148" s="52" t="s">
        <v>172</v>
      </c>
      <c r="B148" s="46" t="s">
        <v>183</v>
      </c>
      <c r="C148" s="48"/>
      <c r="D148" s="58"/>
    </row>
    <row r="149" spans="1:4" s="4" customFormat="1" ht="30" customHeight="1" x14ac:dyDescent="0.25">
      <c r="A149" s="52" t="s">
        <v>173</v>
      </c>
      <c r="B149" s="46" t="s">
        <v>184</v>
      </c>
      <c r="C149" s="48"/>
      <c r="D149" s="58"/>
    </row>
    <row r="150" spans="1:4" s="4" customFormat="1" ht="30" customHeight="1" x14ac:dyDescent="0.25">
      <c r="A150" s="52" t="s">
        <v>174</v>
      </c>
      <c r="B150" s="46" t="s">
        <v>215</v>
      </c>
      <c r="C150" s="48"/>
      <c r="D150" s="58"/>
    </row>
    <row r="151" spans="1:4" s="4" customFormat="1" ht="30" customHeight="1" x14ac:dyDescent="0.25">
      <c r="A151" s="175" t="s">
        <v>216</v>
      </c>
      <c r="B151" s="176"/>
      <c r="C151" s="177"/>
      <c r="D151" s="178"/>
    </row>
    <row r="152" spans="1:4" s="4" customFormat="1" ht="30" customHeight="1" x14ac:dyDescent="0.25">
      <c r="A152" s="169" t="s">
        <v>217</v>
      </c>
      <c r="B152" s="168"/>
      <c r="C152" s="48"/>
      <c r="D152" s="76" t="s">
        <v>66</v>
      </c>
    </row>
    <row r="153" spans="1:4" s="4" customFormat="1" ht="30" customHeight="1" x14ac:dyDescent="0.25">
      <c r="A153" s="104" t="s">
        <v>11</v>
      </c>
      <c r="B153" s="46" t="s">
        <v>218</v>
      </c>
      <c r="C153" s="48"/>
      <c r="D153" s="58"/>
    </row>
    <row r="154" spans="1:4" s="4" customFormat="1" ht="30" customHeight="1" x14ac:dyDescent="0.25">
      <c r="A154" s="104" t="s">
        <v>50</v>
      </c>
      <c r="B154" s="46" t="s">
        <v>219</v>
      </c>
      <c r="C154" s="48"/>
      <c r="D154" s="58"/>
    </row>
    <row r="155" spans="1:4" s="4" customFormat="1" ht="30" customHeight="1" x14ac:dyDescent="0.25">
      <c r="A155" s="104" t="s">
        <v>92</v>
      </c>
      <c r="B155" s="46" t="s">
        <v>220</v>
      </c>
      <c r="C155" s="48"/>
      <c r="D155" s="58"/>
    </row>
    <row r="156" spans="1:4" s="4" customFormat="1" ht="30" customHeight="1" x14ac:dyDescent="0.25">
      <c r="A156" s="104" t="s">
        <v>52</v>
      </c>
      <c r="B156" s="46" t="s">
        <v>221</v>
      </c>
      <c r="C156" s="48"/>
      <c r="D156" s="58"/>
    </row>
    <row r="157" spans="1:4" s="4" customFormat="1" ht="30" customHeight="1" x14ac:dyDescent="0.25">
      <c r="A157" s="52" t="s">
        <v>78</v>
      </c>
      <c r="B157" s="73" t="s">
        <v>222</v>
      </c>
      <c r="C157" s="48"/>
      <c r="D157" s="58"/>
    </row>
    <row r="158" spans="1:4" s="4" customFormat="1" ht="30" customHeight="1" x14ac:dyDescent="0.25">
      <c r="A158" s="74"/>
      <c r="B158" s="46" t="s">
        <v>223</v>
      </c>
      <c r="C158" s="48"/>
      <c r="D158" s="58"/>
    </row>
    <row r="159" spans="1:4" s="4" customFormat="1" ht="30" customHeight="1" x14ac:dyDescent="0.25">
      <c r="A159" s="74"/>
      <c r="B159" s="46" t="s">
        <v>224</v>
      </c>
      <c r="C159" s="48"/>
      <c r="D159" s="58"/>
    </row>
    <row r="160" spans="1:4" s="4" customFormat="1" ht="30" customHeight="1" x14ac:dyDescent="0.25">
      <c r="A160" s="74"/>
      <c r="B160" s="46" t="s">
        <v>225</v>
      </c>
      <c r="C160" s="48"/>
      <c r="D160" s="58"/>
    </row>
    <row r="161" spans="1:4" s="4" customFormat="1" ht="30" customHeight="1" x14ac:dyDescent="0.25">
      <c r="A161" s="52" t="s">
        <v>79</v>
      </c>
      <c r="B161" s="73" t="s">
        <v>226</v>
      </c>
      <c r="C161" s="48"/>
      <c r="D161" s="58"/>
    </row>
    <row r="162" spans="1:4" s="4" customFormat="1" ht="30" customHeight="1" x14ac:dyDescent="0.25">
      <c r="A162" s="52"/>
      <c r="B162" s="46" t="s">
        <v>227</v>
      </c>
      <c r="C162" s="48"/>
      <c r="D162" s="58"/>
    </row>
    <row r="163" spans="1:4" s="4" customFormat="1" ht="30" customHeight="1" x14ac:dyDescent="0.25">
      <c r="A163" s="52"/>
      <c r="B163" s="46" t="s">
        <v>224</v>
      </c>
      <c r="C163" s="48"/>
      <c r="D163" s="58"/>
    </row>
    <row r="164" spans="1:4" s="4" customFormat="1" ht="30" customHeight="1" x14ac:dyDescent="0.25">
      <c r="A164" s="52"/>
      <c r="B164" s="46" t="s">
        <v>225</v>
      </c>
      <c r="C164" s="48"/>
      <c r="D164" s="58"/>
    </row>
    <row r="165" spans="1:4" s="4" customFormat="1" ht="30" customHeight="1" x14ac:dyDescent="0.25">
      <c r="A165" s="52" t="s">
        <v>80</v>
      </c>
      <c r="B165" s="73" t="s">
        <v>228</v>
      </c>
      <c r="C165" s="48"/>
      <c r="D165" s="58"/>
    </row>
    <row r="166" spans="1:4" s="4" customFormat="1" ht="30" customHeight="1" x14ac:dyDescent="0.25">
      <c r="A166" s="52"/>
      <c r="B166" s="46" t="s">
        <v>227</v>
      </c>
      <c r="C166" s="48"/>
      <c r="D166" s="58"/>
    </row>
    <row r="167" spans="1:4" s="4" customFormat="1" ht="30" customHeight="1" x14ac:dyDescent="0.25">
      <c r="A167" s="52"/>
      <c r="B167" s="46" t="s">
        <v>229</v>
      </c>
      <c r="C167" s="48"/>
      <c r="D167" s="58"/>
    </row>
    <row r="168" spans="1:4" s="4" customFormat="1" ht="30" customHeight="1" x14ac:dyDescent="0.25">
      <c r="A168" s="52"/>
      <c r="B168" s="46" t="s">
        <v>230</v>
      </c>
      <c r="C168" s="48"/>
      <c r="D168" s="58"/>
    </row>
    <row r="169" spans="1:4" s="4" customFormat="1" ht="30" customHeight="1" x14ac:dyDescent="0.25">
      <c r="A169" s="169" t="s">
        <v>231</v>
      </c>
      <c r="B169" s="168"/>
      <c r="C169" s="79"/>
      <c r="D169" s="76" t="s">
        <v>66</v>
      </c>
    </row>
    <row r="170" spans="1:4" s="4" customFormat="1" ht="30" customHeight="1" x14ac:dyDescent="0.25">
      <c r="A170" s="105" t="s">
        <v>11</v>
      </c>
      <c r="B170" s="108" t="s">
        <v>232</v>
      </c>
      <c r="C170" s="79"/>
      <c r="D170" s="58"/>
    </row>
    <row r="171" spans="1:4" s="4" customFormat="1" ht="30" customHeight="1" x14ac:dyDescent="0.25">
      <c r="A171" s="111" t="s">
        <v>50</v>
      </c>
      <c r="B171" s="110" t="s">
        <v>219</v>
      </c>
      <c r="C171" s="81"/>
      <c r="D171" s="83"/>
    </row>
    <row r="172" spans="1:4" s="4" customFormat="1" ht="30" customHeight="1" x14ac:dyDescent="0.25">
      <c r="A172" s="106" t="s">
        <v>51</v>
      </c>
      <c r="B172" s="107" t="s">
        <v>233</v>
      </c>
      <c r="C172" s="81"/>
      <c r="D172" s="82"/>
    </row>
    <row r="173" spans="1:4" s="4" customFormat="1" ht="30" customHeight="1" x14ac:dyDescent="0.25">
      <c r="A173" s="42" t="s">
        <v>84</v>
      </c>
      <c r="B173" s="112" t="s">
        <v>234</v>
      </c>
      <c r="C173" s="79"/>
      <c r="D173" s="80"/>
    </row>
    <row r="174" spans="1:4" s="4" customFormat="1" ht="30" customHeight="1" x14ac:dyDescent="0.25">
      <c r="A174" s="42"/>
      <c r="B174" s="109" t="s">
        <v>223</v>
      </c>
      <c r="C174" s="79"/>
      <c r="D174" s="80"/>
    </row>
    <row r="175" spans="1:4" s="4" customFormat="1" ht="29.25" customHeight="1" x14ac:dyDescent="0.25">
      <c r="A175" s="52"/>
      <c r="B175" s="46" t="s">
        <v>224</v>
      </c>
      <c r="C175" s="79"/>
      <c r="D175" s="80"/>
    </row>
    <row r="176" spans="1:4" s="4" customFormat="1" ht="29.25" customHeight="1" x14ac:dyDescent="0.25">
      <c r="A176" s="52"/>
      <c r="B176" s="46" t="s">
        <v>235</v>
      </c>
      <c r="C176" s="79"/>
      <c r="D176" s="80"/>
    </row>
    <row r="177" spans="1:4" s="4" customFormat="1" ht="29.25" customHeight="1" x14ac:dyDescent="0.25">
      <c r="A177" s="52" t="s">
        <v>85</v>
      </c>
      <c r="B177" s="73" t="s">
        <v>236</v>
      </c>
      <c r="C177" s="79"/>
      <c r="D177" s="80"/>
    </row>
    <row r="178" spans="1:4" s="4" customFormat="1" ht="29.25" customHeight="1" x14ac:dyDescent="0.25">
      <c r="A178" s="52"/>
      <c r="B178" s="46" t="s">
        <v>223</v>
      </c>
      <c r="C178" s="79"/>
      <c r="D178" s="80"/>
    </row>
    <row r="179" spans="1:4" s="4" customFormat="1" ht="29.25" customHeight="1" x14ac:dyDescent="0.25">
      <c r="A179" s="52"/>
      <c r="B179" s="46" t="s">
        <v>224</v>
      </c>
      <c r="C179" s="79"/>
      <c r="D179" s="80"/>
    </row>
    <row r="180" spans="1:4" s="4" customFormat="1" ht="29.25" customHeight="1" x14ac:dyDescent="0.25">
      <c r="A180" s="52"/>
      <c r="B180" s="46" t="s">
        <v>230</v>
      </c>
      <c r="C180" s="79"/>
      <c r="D180" s="80"/>
    </row>
    <row r="181" spans="1:4" s="4" customFormat="1" ht="29.25" customHeight="1" x14ac:dyDescent="0.25">
      <c r="A181" s="52" t="s">
        <v>86</v>
      </c>
      <c r="B181" s="73" t="s">
        <v>237</v>
      </c>
      <c r="C181" s="79"/>
      <c r="D181" s="80"/>
    </row>
    <row r="182" spans="1:4" s="4" customFormat="1" ht="29.25" customHeight="1" x14ac:dyDescent="0.25">
      <c r="A182" s="52"/>
      <c r="B182" s="46" t="s">
        <v>223</v>
      </c>
      <c r="C182" s="79"/>
      <c r="D182" s="80"/>
    </row>
    <row r="183" spans="1:4" s="4" customFormat="1" ht="29.25" customHeight="1" x14ac:dyDescent="0.25">
      <c r="A183" s="52"/>
      <c r="B183" s="46" t="s">
        <v>224</v>
      </c>
      <c r="C183" s="79"/>
      <c r="D183" s="80"/>
    </row>
    <row r="184" spans="1:4" s="4" customFormat="1" ht="29.25" customHeight="1" x14ac:dyDescent="0.25">
      <c r="A184" s="52"/>
      <c r="B184" s="46" t="s">
        <v>225</v>
      </c>
      <c r="C184" s="79"/>
      <c r="D184" s="80"/>
    </row>
    <row r="185" spans="1:4" s="4" customFormat="1" ht="29.25" customHeight="1" x14ac:dyDescent="0.25">
      <c r="A185" s="52" t="s">
        <v>87</v>
      </c>
      <c r="B185" s="73" t="s">
        <v>238</v>
      </c>
      <c r="C185" s="79"/>
      <c r="D185" s="80"/>
    </row>
    <row r="186" spans="1:4" s="4" customFormat="1" ht="29.25" customHeight="1" x14ac:dyDescent="0.25">
      <c r="A186" s="74"/>
      <c r="B186" s="46" t="s">
        <v>227</v>
      </c>
      <c r="C186" s="79"/>
      <c r="D186" s="80"/>
    </row>
    <row r="187" spans="1:4" s="4" customFormat="1" ht="30" customHeight="1" x14ac:dyDescent="0.25">
      <c r="A187" s="74"/>
      <c r="B187" s="46" t="s">
        <v>224</v>
      </c>
      <c r="C187" s="79"/>
      <c r="D187" s="80"/>
    </row>
    <row r="188" spans="1:4" s="4" customFormat="1" ht="30" customHeight="1" x14ac:dyDescent="0.25">
      <c r="A188" s="74"/>
      <c r="B188" s="46" t="s">
        <v>225</v>
      </c>
      <c r="C188" s="79"/>
      <c r="D188" s="80"/>
    </row>
    <row r="189" spans="1:4" s="4" customFormat="1" ht="30" customHeight="1" x14ac:dyDescent="0.25">
      <c r="A189" s="52" t="s">
        <v>88</v>
      </c>
      <c r="B189" s="73" t="s">
        <v>239</v>
      </c>
      <c r="C189" s="79"/>
      <c r="D189" s="80"/>
    </row>
    <row r="190" spans="1:4" s="4" customFormat="1" ht="30" customHeight="1" x14ac:dyDescent="0.25">
      <c r="A190" s="52"/>
      <c r="B190" s="46" t="s">
        <v>227</v>
      </c>
      <c r="C190" s="79"/>
      <c r="D190" s="80"/>
    </row>
    <row r="191" spans="1:4" s="4" customFormat="1" ht="29.25" customHeight="1" x14ac:dyDescent="0.25">
      <c r="A191" s="52"/>
      <c r="B191" s="46" t="s">
        <v>229</v>
      </c>
      <c r="C191" s="79"/>
      <c r="D191" s="80"/>
    </row>
    <row r="192" spans="1:4" s="4" customFormat="1" ht="29.25" customHeight="1" x14ac:dyDescent="0.25">
      <c r="A192" s="52"/>
      <c r="B192" s="46" t="s">
        <v>230</v>
      </c>
      <c r="C192" s="79"/>
      <c r="D192" s="80"/>
    </row>
    <row r="193" spans="1:4" s="4" customFormat="1" ht="29.25" customHeight="1" x14ac:dyDescent="0.25">
      <c r="A193" s="52" t="s">
        <v>89</v>
      </c>
      <c r="B193" s="73" t="s">
        <v>240</v>
      </c>
      <c r="C193" s="79"/>
      <c r="D193" s="80"/>
    </row>
    <row r="194" spans="1:4" s="4" customFormat="1" ht="29.25" customHeight="1" x14ac:dyDescent="0.25">
      <c r="A194" s="52"/>
      <c r="B194" s="46" t="s">
        <v>227</v>
      </c>
      <c r="C194" s="79"/>
      <c r="D194" s="80"/>
    </row>
    <row r="195" spans="1:4" s="4" customFormat="1" ht="29.25" customHeight="1" x14ac:dyDescent="0.25">
      <c r="A195" s="52"/>
      <c r="B195" s="46" t="s">
        <v>241</v>
      </c>
      <c r="C195" s="79"/>
      <c r="D195" s="80"/>
    </row>
    <row r="196" spans="1:4" s="4" customFormat="1" ht="29.25" customHeight="1" x14ac:dyDescent="0.25">
      <c r="A196" s="52"/>
      <c r="B196" s="46" t="s">
        <v>288</v>
      </c>
      <c r="C196" s="79"/>
      <c r="D196" s="80"/>
    </row>
    <row r="197" spans="1:4" s="4" customFormat="1" ht="29.25" customHeight="1" x14ac:dyDescent="0.25">
      <c r="A197" s="175" t="s">
        <v>289</v>
      </c>
      <c r="B197" s="176"/>
      <c r="C197" s="177"/>
      <c r="D197" s="178"/>
    </row>
    <row r="198" spans="1:4" s="4" customFormat="1" ht="29.25" customHeight="1" x14ac:dyDescent="0.25">
      <c r="A198" s="169" t="s">
        <v>354</v>
      </c>
      <c r="B198" s="168"/>
      <c r="C198" s="79"/>
      <c r="D198" s="130" t="s">
        <v>66</v>
      </c>
    </row>
    <row r="199" spans="1:4" s="4" customFormat="1" ht="29.25" customHeight="1" x14ac:dyDescent="0.25">
      <c r="A199" s="201" t="s">
        <v>11</v>
      </c>
      <c r="B199" s="103" t="s">
        <v>290</v>
      </c>
      <c r="C199" s="79"/>
      <c r="D199" s="80"/>
    </row>
    <row r="200" spans="1:4" s="4" customFormat="1" ht="29.25" customHeight="1" x14ac:dyDescent="0.25">
      <c r="A200" s="52" t="s">
        <v>242</v>
      </c>
      <c r="B200" s="46" t="s">
        <v>243</v>
      </c>
      <c r="C200" s="79"/>
      <c r="D200" s="80"/>
    </row>
    <row r="201" spans="1:4" s="4" customFormat="1" ht="29.25" customHeight="1" x14ac:dyDescent="0.25">
      <c r="A201" s="52" t="s">
        <v>244</v>
      </c>
      <c r="B201" s="46" t="s">
        <v>245</v>
      </c>
      <c r="C201" s="79"/>
      <c r="D201" s="80"/>
    </row>
    <row r="202" spans="1:4" s="4" customFormat="1" ht="29.25" customHeight="1" x14ac:dyDescent="0.25">
      <c r="A202" s="52" t="s">
        <v>246</v>
      </c>
      <c r="B202" s="46" t="s">
        <v>247</v>
      </c>
      <c r="C202" s="79"/>
      <c r="D202" s="80"/>
    </row>
    <row r="203" spans="1:4" s="4" customFormat="1" ht="29.25" customHeight="1" x14ac:dyDescent="0.25">
      <c r="A203" s="52" t="s">
        <v>248</v>
      </c>
      <c r="B203" s="46" t="s">
        <v>249</v>
      </c>
      <c r="C203" s="79"/>
      <c r="D203" s="80"/>
    </row>
    <row r="204" spans="1:4" s="4" customFormat="1" ht="29.25" customHeight="1" x14ac:dyDescent="0.25">
      <c r="A204" s="52" t="s">
        <v>250</v>
      </c>
      <c r="B204" s="46" t="s">
        <v>251</v>
      </c>
      <c r="C204" s="79"/>
      <c r="D204" s="80"/>
    </row>
    <row r="205" spans="1:4" s="4" customFormat="1" ht="29.25" customHeight="1" x14ac:dyDescent="0.25">
      <c r="A205" s="201" t="s">
        <v>50</v>
      </c>
      <c r="B205" s="103" t="s">
        <v>291</v>
      </c>
      <c r="C205" s="79"/>
      <c r="D205" s="80"/>
    </row>
    <row r="206" spans="1:4" s="4" customFormat="1" ht="29.25" customHeight="1" x14ac:dyDescent="0.25">
      <c r="A206" s="52" t="s">
        <v>67</v>
      </c>
      <c r="B206" s="46" t="s">
        <v>243</v>
      </c>
      <c r="C206" s="79"/>
      <c r="D206" s="80"/>
    </row>
    <row r="207" spans="1:4" s="4" customFormat="1" ht="29.25" customHeight="1" x14ac:dyDescent="0.25">
      <c r="A207" s="52" t="s">
        <v>68</v>
      </c>
      <c r="B207" s="46" t="s">
        <v>252</v>
      </c>
      <c r="C207" s="79"/>
      <c r="D207" s="80"/>
    </row>
    <row r="208" spans="1:4" s="4" customFormat="1" ht="29.25" customHeight="1" x14ac:dyDescent="0.25">
      <c r="A208" s="52" t="s">
        <v>69</v>
      </c>
      <c r="B208" s="46" t="s">
        <v>247</v>
      </c>
      <c r="C208" s="79"/>
      <c r="D208" s="80"/>
    </row>
    <row r="209" spans="1:4" s="4" customFormat="1" ht="29.25" customHeight="1" x14ac:dyDescent="0.25">
      <c r="A209" s="52" t="s">
        <v>70</v>
      </c>
      <c r="B209" s="46" t="s">
        <v>249</v>
      </c>
      <c r="C209" s="79"/>
      <c r="D209" s="80"/>
    </row>
    <row r="210" spans="1:4" s="4" customFormat="1" ht="29.25" customHeight="1" x14ac:dyDescent="0.25">
      <c r="A210" s="52" t="s">
        <v>71</v>
      </c>
      <c r="B210" s="46" t="s">
        <v>251</v>
      </c>
      <c r="C210" s="79"/>
      <c r="D210" s="80"/>
    </row>
    <row r="211" spans="1:4" s="4" customFormat="1" ht="29.25" customHeight="1" x14ac:dyDescent="0.25">
      <c r="A211" s="201" t="s">
        <v>51</v>
      </c>
      <c r="B211" s="103" t="s">
        <v>292</v>
      </c>
      <c r="C211" s="79"/>
      <c r="D211" s="80"/>
    </row>
    <row r="212" spans="1:4" s="4" customFormat="1" ht="29.25" customHeight="1" x14ac:dyDescent="0.25">
      <c r="A212" s="52" t="s">
        <v>84</v>
      </c>
      <c r="B212" s="46" t="s">
        <v>253</v>
      </c>
      <c r="C212" s="79"/>
      <c r="D212" s="80"/>
    </row>
    <row r="213" spans="1:4" s="4" customFormat="1" ht="29.25" customHeight="1" x14ac:dyDescent="0.25">
      <c r="A213" s="52" t="s">
        <v>85</v>
      </c>
      <c r="B213" s="46" t="s">
        <v>254</v>
      </c>
      <c r="C213" s="79"/>
      <c r="D213" s="80"/>
    </row>
    <row r="214" spans="1:4" s="4" customFormat="1" ht="29.25" customHeight="1" x14ac:dyDescent="0.25">
      <c r="A214" s="52" t="s">
        <v>86</v>
      </c>
      <c r="B214" s="46" t="s">
        <v>251</v>
      </c>
      <c r="C214" s="79"/>
      <c r="D214" s="80"/>
    </row>
    <row r="215" spans="1:4" s="4" customFormat="1" ht="29.25" customHeight="1" x14ac:dyDescent="0.25">
      <c r="A215" s="104" t="s">
        <v>52</v>
      </c>
      <c r="B215" s="103" t="s">
        <v>293</v>
      </c>
      <c r="C215" s="79"/>
      <c r="D215" s="80"/>
    </row>
    <row r="216" spans="1:4" s="4" customFormat="1" ht="29.25" customHeight="1" x14ac:dyDescent="0.25">
      <c r="A216" s="52" t="s">
        <v>78</v>
      </c>
      <c r="B216" s="46" t="s">
        <v>253</v>
      </c>
      <c r="C216" s="79"/>
      <c r="D216" s="80"/>
    </row>
    <row r="217" spans="1:4" s="4" customFormat="1" ht="29.25" customHeight="1" x14ac:dyDescent="0.25">
      <c r="A217" s="52" t="s">
        <v>79</v>
      </c>
      <c r="B217" s="46" t="s">
        <v>255</v>
      </c>
      <c r="C217" s="79"/>
      <c r="D217" s="80"/>
    </row>
    <row r="218" spans="1:4" s="4" customFormat="1" ht="29.25" customHeight="1" x14ac:dyDescent="0.25">
      <c r="A218" s="52" t="s">
        <v>80</v>
      </c>
      <c r="B218" s="46" t="s">
        <v>247</v>
      </c>
      <c r="C218" s="79"/>
      <c r="D218" s="80"/>
    </row>
    <row r="219" spans="1:4" s="4" customFormat="1" ht="29.25" customHeight="1" x14ac:dyDescent="0.25">
      <c r="A219" s="52" t="s">
        <v>81</v>
      </c>
      <c r="B219" s="46" t="s">
        <v>249</v>
      </c>
      <c r="C219" s="79"/>
      <c r="D219" s="80"/>
    </row>
    <row r="220" spans="1:4" s="4" customFormat="1" ht="29.25" customHeight="1" x14ac:dyDescent="0.25">
      <c r="A220" s="52" t="s">
        <v>82</v>
      </c>
      <c r="B220" s="46" t="s">
        <v>251</v>
      </c>
      <c r="C220" s="79"/>
      <c r="D220" s="80"/>
    </row>
    <row r="221" spans="1:4" s="4" customFormat="1" ht="29.25" customHeight="1" x14ac:dyDescent="0.25">
      <c r="A221" s="52" t="s">
        <v>83</v>
      </c>
      <c r="B221" s="46" t="s">
        <v>256</v>
      </c>
      <c r="C221" s="79"/>
      <c r="D221" s="80"/>
    </row>
    <row r="222" spans="1:4" s="4" customFormat="1" ht="29.25" customHeight="1" x14ac:dyDescent="0.25">
      <c r="A222" s="201" t="s">
        <v>53</v>
      </c>
      <c r="B222" s="103" t="s">
        <v>294</v>
      </c>
      <c r="C222" s="79"/>
      <c r="D222" s="80"/>
    </row>
    <row r="223" spans="1:4" s="4" customFormat="1" ht="29.25" customHeight="1" x14ac:dyDescent="0.25">
      <c r="A223" s="52" t="s">
        <v>257</v>
      </c>
      <c r="B223" s="46" t="s">
        <v>253</v>
      </c>
      <c r="C223" s="79"/>
      <c r="D223" s="80"/>
    </row>
    <row r="224" spans="1:4" s="4" customFormat="1" ht="29.25" customHeight="1" x14ac:dyDescent="0.25">
      <c r="A224" s="52" t="s">
        <v>258</v>
      </c>
      <c r="B224" s="46" t="s">
        <v>259</v>
      </c>
      <c r="C224" s="79"/>
      <c r="D224" s="80"/>
    </row>
    <row r="225" spans="1:4" s="4" customFormat="1" ht="29.25" customHeight="1" x14ac:dyDescent="0.25">
      <c r="A225" s="52" t="s">
        <v>260</v>
      </c>
      <c r="B225" s="46" t="s">
        <v>247</v>
      </c>
      <c r="C225" s="79"/>
      <c r="D225" s="80"/>
    </row>
    <row r="226" spans="1:4" s="4" customFormat="1" ht="29.25" customHeight="1" x14ac:dyDescent="0.25">
      <c r="A226" s="52" t="s">
        <v>261</v>
      </c>
      <c r="B226" s="46" t="s">
        <v>249</v>
      </c>
      <c r="C226" s="79"/>
      <c r="D226" s="80"/>
    </row>
    <row r="227" spans="1:4" s="4" customFormat="1" ht="29.25" customHeight="1" x14ac:dyDescent="0.25">
      <c r="A227" s="52" t="s">
        <v>262</v>
      </c>
      <c r="B227" s="46" t="s">
        <v>256</v>
      </c>
      <c r="C227" s="79"/>
      <c r="D227" s="80"/>
    </row>
    <row r="228" spans="1:4" s="4" customFormat="1" ht="29.25" customHeight="1" x14ac:dyDescent="0.25">
      <c r="A228" s="201" t="s">
        <v>54</v>
      </c>
      <c r="B228" s="103" t="s">
        <v>295</v>
      </c>
      <c r="C228" s="79"/>
      <c r="D228" s="80"/>
    </row>
    <row r="229" spans="1:4" s="4" customFormat="1" ht="29.25" customHeight="1" x14ac:dyDescent="0.25">
      <c r="A229" s="52" t="s">
        <v>121</v>
      </c>
      <c r="B229" s="46" t="s">
        <v>263</v>
      </c>
      <c r="C229" s="79"/>
      <c r="D229" s="80"/>
    </row>
    <row r="230" spans="1:4" s="4" customFormat="1" ht="29.25" customHeight="1" x14ac:dyDescent="0.25">
      <c r="A230" s="52" t="s">
        <v>122</v>
      </c>
      <c r="B230" s="46" t="s">
        <v>254</v>
      </c>
      <c r="C230" s="79"/>
      <c r="D230" s="80"/>
    </row>
    <row r="231" spans="1:4" s="4" customFormat="1" ht="29.25" customHeight="1" x14ac:dyDescent="0.25">
      <c r="A231" s="52" t="s">
        <v>123</v>
      </c>
      <c r="B231" s="46" t="s">
        <v>251</v>
      </c>
      <c r="C231" s="79"/>
      <c r="D231" s="80"/>
    </row>
    <row r="232" spans="1:4" s="4" customFormat="1" ht="29.25" customHeight="1" x14ac:dyDescent="0.25">
      <c r="A232" s="201" t="s">
        <v>55</v>
      </c>
      <c r="B232" s="103" t="s">
        <v>296</v>
      </c>
      <c r="C232" s="79"/>
      <c r="D232" s="80"/>
    </row>
    <row r="233" spans="1:4" s="4" customFormat="1" ht="29.25" customHeight="1" x14ac:dyDescent="0.25">
      <c r="A233" s="52" t="s">
        <v>126</v>
      </c>
      <c r="B233" s="46" t="s">
        <v>263</v>
      </c>
      <c r="C233" s="79"/>
      <c r="D233" s="80"/>
    </row>
    <row r="234" spans="1:4" s="4" customFormat="1" ht="29.25" customHeight="1" x14ac:dyDescent="0.25">
      <c r="A234" s="52" t="s">
        <v>170</v>
      </c>
      <c r="B234" s="46" t="s">
        <v>255</v>
      </c>
      <c r="C234" s="79"/>
      <c r="D234" s="80"/>
    </row>
    <row r="235" spans="1:4" s="4" customFormat="1" ht="29.25" customHeight="1" x14ac:dyDescent="0.25">
      <c r="A235" s="52" t="s">
        <v>171</v>
      </c>
      <c r="B235" s="46" t="s">
        <v>247</v>
      </c>
      <c r="C235" s="79"/>
      <c r="D235" s="80"/>
    </row>
    <row r="236" spans="1:4" s="4" customFormat="1" ht="29.25" customHeight="1" x14ac:dyDescent="0.25">
      <c r="A236" s="52" t="s">
        <v>172</v>
      </c>
      <c r="B236" s="46" t="s">
        <v>249</v>
      </c>
      <c r="C236" s="79"/>
      <c r="D236" s="80"/>
    </row>
    <row r="237" spans="1:4" s="4" customFormat="1" ht="29.25" customHeight="1" x14ac:dyDescent="0.25">
      <c r="A237" s="52" t="s">
        <v>173</v>
      </c>
      <c r="B237" s="46" t="s">
        <v>251</v>
      </c>
      <c r="C237" s="79"/>
      <c r="D237" s="80"/>
    </row>
    <row r="238" spans="1:4" s="4" customFormat="1" ht="29.25" customHeight="1" x14ac:dyDescent="0.25">
      <c r="A238" s="52" t="s">
        <v>174</v>
      </c>
      <c r="B238" s="46" t="s">
        <v>256</v>
      </c>
      <c r="C238" s="79"/>
      <c r="D238" s="80"/>
    </row>
    <row r="239" spans="1:4" s="4" customFormat="1" ht="29.25" customHeight="1" x14ac:dyDescent="0.25">
      <c r="A239" s="201" t="s">
        <v>56</v>
      </c>
      <c r="B239" s="103" t="s">
        <v>297</v>
      </c>
      <c r="C239" s="79"/>
      <c r="D239" s="80"/>
    </row>
    <row r="240" spans="1:4" s="4" customFormat="1" ht="29.25" customHeight="1" x14ac:dyDescent="0.25">
      <c r="A240" s="52" t="s">
        <v>196</v>
      </c>
      <c r="B240" s="46" t="s">
        <v>263</v>
      </c>
      <c r="C240" s="79"/>
      <c r="D240" s="80"/>
    </row>
    <row r="241" spans="1:4" s="4" customFormat="1" ht="29.25" customHeight="1" x14ac:dyDescent="0.25">
      <c r="A241" s="52" t="s">
        <v>264</v>
      </c>
      <c r="B241" s="46" t="s">
        <v>259</v>
      </c>
      <c r="C241" s="79"/>
      <c r="D241" s="80"/>
    </row>
    <row r="242" spans="1:4" s="4" customFormat="1" ht="29.25" customHeight="1" x14ac:dyDescent="0.25">
      <c r="A242" s="52" t="s">
        <v>265</v>
      </c>
      <c r="B242" s="46" t="s">
        <v>247</v>
      </c>
      <c r="C242" s="79"/>
      <c r="D242" s="80"/>
    </row>
    <row r="243" spans="1:4" s="4" customFormat="1" ht="29.25" customHeight="1" x14ac:dyDescent="0.25">
      <c r="A243" s="52" t="s">
        <v>266</v>
      </c>
      <c r="B243" s="46" t="s">
        <v>249</v>
      </c>
      <c r="C243" s="79"/>
      <c r="D243" s="80"/>
    </row>
    <row r="244" spans="1:4" s="4" customFormat="1" ht="29.25" customHeight="1" x14ac:dyDescent="0.25">
      <c r="A244" s="52" t="s">
        <v>267</v>
      </c>
      <c r="B244" s="46" t="s">
        <v>256</v>
      </c>
      <c r="C244" s="79"/>
      <c r="D244" s="80"/>
    </row>
    <row r="245" spans="1:4" s="4" customFormat="1" ht="29.25" customHeight="1" x14ac:dyDescent="0.25">
      <c r="A245" s="201" t="s">
        <v>57</v>
      </c>
      <c r="B245" s="103" t="s">
        <v>298</v>
      </c>
      <c r="C245" s="79"/>
      <c r="D245" s="80"/>
    </row>
    <row r="246" spans="1:4" s="4" customFormat="1" ht="29.25" customHeight="1" x14ac:dyDescent="0.25">
      <c r="A246" s="52" t="s">
        <v>268</v>
      </c>
      <c r="B246" s="46" t="s">
        <v>269</v>
      </c>
      <c r="C246" s="79"/>
      <c r="D246" s="80"/>
    </row>
    <row r="247" spans="1:4" s="4" customFormat="1" ht="29.25" customHeight="1" x14ac:dyDescent="0.25">
      <c r="A247" s="52" t="s">
        <v>270</v>
      </c>
      <c r="B247" s="46" t="s">
        <v>255</v>
      </c>
      <c r="C247" s="79"/>
      <c r="D247" s="80"/>
    </row>
    <row r="248" spans="1:4" s="4" customFormat="1" ht="29.25" customHeight="1" x14ac:dyDescent="0.25">
      <c r="A248" s="52" t="s">
        <v>271</v>
      </c>
      <c r="B248" s="46" t="s">
        <v>247</v>
      </c>
      <c r="C248" s="79"/>
      <c r="D248" s="80"/>
    </row>
    <row r="249" spans="1:4" s="4" customFormat="1" ht="29.25" customHeight="1" x14ac:dyDescent="0.25">
      <c r="A249" s="52" t="s">
        <v>272</v>
      </c>
      <c r="B249" s="46" t="s">
        <v>249</v>
      </c>
      <c r="C249" s="79"/>
      <c r="D249" s="80"/>
    </row>
    <row r="250" spans="1:4" s="4" customFormat="1" ht="29.25" customHeight="1" x14ac:dyDescent="0.25">
      <c r="A250" s="52" t="s">
        <v>273</v>
      </c>
      <c r="B250" s="46" t="s">
        <v>251</v>
      </c>
      <c r="C250" s="79"/>
      <c r="D250" s="80"/>
    </row>
    <row r="251" spans="1:4" s="4" customFormat="1" ht="29.25" customHeight="1" x14ac:dyDescent="0.25">
      <c r="A251" s="52" t="s">
        <v>274</v>
      </c>
      <c r="B251" s="46" t="s">
        <v>275</v>
      </c>
      <c r="C251" s="79"/>
      <c r="D251" s="80"/>
    </row>
    <row r="252" spans="1:4" s="4" customFormat="1" ht="29.25" customHeight="1" x14ac:dyDescent="0.25">
      <c r="A252" s="201" t="s">
        <v>58</v>
      </c>
      <c r="B252" s="103" t="s">
        <v>299</v>
      </c>
      <c r="C252" s="79"/>
      <c r="D252" s="80"/>
    </row>
    <row r="253" spans="1:4" s="4" customFormat="1" ht="30" customHeight="1" x14ac:dyDescent="0.25">
      <c r="A253" s="52" t="s">
        <v>197</v>
      </c>
      <c r="B253" s="46" t="s">
        <v>269</v>
      </c>
      <c r="C253" s="79"/>
      <c r="D253" s="80"/>
    </row>
    <row r="254" spans="1:4" s="4" customFormat="1" ht="29.25" customHeight="1" x14ac:dyDescent="0.25">
      <c r="A254" s="52" t="s">
        <v>276</v>
      </c>
      <c r="B254" s="46" t="s">
        <v>259</v>
      </c>
      <c r="C254" s="79"/>
      <c r="D254" s="80"/>
    </row>
    <row r="255" spans="1:4" s="4" customFormat="1" ht="29.25" customHeight="1" x14ac:dyDescent="0.25">
      <c r="A255" s="52" t="s">
        <v>277</v>
      </c>
      <c r="B255" s="46" t="s">
        <v>247</v>
      </c>
      <c r="C255" s="79"/>
      <c r="D255" s="80"/>
    </row>
    <row r="256" spans="1:4" s="4" customFormat="1" ht="31.5" customHeight="1" x14ac:dyDescent="0.25">
      <c r="A256" s="52" t="s">
        <v>278</v>
      </c>
      <c r="B256" s="41" t="s">
        <v>249</v>
      </c>
      <c r="C256" s="79"/>
      <c r="D256" s="80"/>
    </row>
    <row r="257" spans="1:4" s="4" customFormat="1" ht="29.25" customHeight="1" x14ac:dyDescent="0.25">
      <c r="A257" s="52" t="s">
        <v>279</v>
      </c>
      <c r="B257" s="41" t="s">
        <v>256</v>
      </c>
      <c r="C257" s="79"/>
      <c r="D257" s="80"/>
    </row>
    <row r="258" spans="1:4" s="4" customFormat="1" ht="29.25" customHeight="1" x14ac:dyDescent="0.25">
      <c r="A258" s="201" t="s">
        <v>59</v>
      </c>
      <c r="B258" s="103" t="s">
        <v>300</v>
      </c>
      <c r="C258" s="79"/>
      <c r="D258" s="80"/>
    </row>
    <row r="259" spans="1:4" s="4" customFormat="1" ht="29.25" customHeight="1" x14ac:dyDescent="0.25">
      <c r="A259" s="74" t="s">
        <v>91</v>
      </c>
      <c r="B259" s="46" t="s">
        <v>280</v>
      </c>
      <c r="C259" s="79"/>
      <c r="D259" s="80"/>
    </row>
    <row r="260" spans="1:4" s="4" customFormat="1" ht="29.25" customHeight="1" x14ac:dyDescent="0.25">
      <c r="A260" s="74" t="s">
        <v>99</v>
      </c>
      <c r="B260" s="46" t="s">
        <v>281</v>
      </c>
      <c r="C260" s="79"/>
      <c r="D260" s="80"/>
    </row>
    <row r="261" spans="1:4" s="4" customFormat="1" ht="29.25" customHeight="1" x14ac:dyDescent="0.25">
      <c r="A261" s="74" t="s">
        <v>100</v>
      </c>
      <c r="B261" s="46" t="s">
        <v>282</v>
      </c>
      <c r="C261" s="79"/>
      <c r="D261" s="80"/>
    </row>
    <row r="262" spans="1:4" s="4" customFormat="1" ht="29.25" customHeight="1" x14ac:dyDescent="0.25">
      <c r="A262" s="74" t="s">
        <v>101</v>
      </c>
      <c r="B262" s="46" t="s">
        <v>283</v>
      </c>
      <c r="C262" s="79"/>
      <c r="D262" s="80"/>
    </row>
    <row r="263" spans="1:4" s="4" customFormat="1" ht="39.75" customHeight="1" thickBot="1" x14ac:dyDescent="0.3">
      <c r="A263" s="114" t="s">
        <v>284</v>
      </c>
      <c r="B263" s="45" t="s">
        <v>285</v>
      </c>
      <c r="C263" s="49"/>
      <c r="D263" s="67"/>
    </row>
    <row r="264" spans="1:4" s="3" customFormat="1" ht="6.75" customHeight="1" x14ac:dyDescent="0.25">
      <c r="A264" s="5"/>
      <c r="B264" s="5"/>
      <c r="C264" s="7"/>
      <c r="D264" s="7"/>
    </row>
    <row r="265" spans="1:4" s="2" customFormat="1" ht="20.100000000000001" customHeight="1" x14ac:dyDescent="0.25">
      <c r="A265" s="160" t="s">
        <v>286</v>
      </c>
      <c r="B265" s="160" t="s">
        <v>283</v>
      </c>
      <c r="C265" s="160"/>
      <c r="D265" s="160"/>
    </row>
    <row r="266" spans="1:4" s="2" customFormat="1" ht="5.0999999999999996" customHeight="1" thickBot="1" x14ac:dyDescent="0.3">
      <c r="A266" s="15"/>
      <c r="C266" s="94"/>
      <c r="D266" s="94"/>
    </row>
    <row r="267" spans="1:4" s="3" customFormat="1" ht="69" customHeight="1" x14ac:dyDescent="0.25">
      <c r="A267" s="161" t="s">
        <v>301</v>
      </c>
      <c r="B267" s="162"/>
      <c r="C267" s="165" t="s">
        <v>22</v>
      </c>
      <c r="D267" s="166"/>
    </row>
    <row r="268" spans="1:4" s="3" customFormat="1" ht="35.25" customHeight="1" thickBot="1" x14ac:dyDescent="0.3">
      <c r="A268" s="163"/>
      <c r="B268" s="164"/>
      <c r="C268" s="20" t="s">
        <v>6</v>
      </c>
      <c r="D268" s="66" t="s">
        <v>23</v>
      </c>
    </row>
    <row r="269" spans="1:4" s="2" customFormat="1" ht="56.25" customHeight="1" x14ac:dyDescent="0.25">
      <c r="A269" s="84" t="s">
        <v>11</v>
      </c>
      <c r="B269" s="131" t="s">
        <v>321</v>
      </c>
      <c r="C269" s="48"/>
      <c r="D269" s="65"/>
    </row>
    <row r="270" spans="1:4" s="2" customFormat="1" ht="59.25" customHeight="1" x14ac:dyDescent="0.25">
      <c r="A270" s="47" t="s">
        <v>50</v>
      </c>
      <c r="B270" s="23" t="s">
        <v>322</v>
      </c>
      <c r="C270" s="48"/>
      <c r="D270" s="65"/>
    </row>
    <row r="271" spans="1:4" s="2" customFormat="1" ht="29.1" customHeight="1" x14ac:dyDescent="0.25">
      <c r="A271" s="148" t="s">
        <v>51</v>
      </c>
      <c r="B271" s="132" t="s">
        <v>323</v>
      </c>
      <c r="C271" s="48"/>
      <c r="D271" s="65"/>
    </row>
    <row r="272" spans="1:4" s="2" customFormat="1" ht="29.1" customHeight="1" x14ac:dyDescent="0.25">
      <c r="A272" s="147" t="s">
        <v>84</v>
      </c>
      <c r="B272" s="133" t="s">
        <v>324</v>
      </c>
      <c r="C272" s="48"/>
      <c r="D272" s="65"/>
    </row>
    <row r="273" spans="1:4" s="2" customFormat="1" ht="29.1" customHeight="1" x14ac:dyDescent="0.25">
      <c r="A273" s="146" t="s">
        <v>85</v>
      </c>
      <c r="B273" s="134" t="s">
        <v>325</v>
      </c>
      <c r="C273" s="48"/>
      <c r="D273" s="65"/>
    </row>
    <row r="274" spans="1:4" s="2" customFormat="1" ht="29.1" customHeight="1" x14ac:dyDescent="0.25">
      <c r="A274" s="145" t="s">
        <v>86</v>
      </c>
      <c r="B274" s="135" t="s">
        <v>326</v>
      </c>
      <c r="C274" s="48"/>
      <c r="D274" s="65"/>
    </row>
    <row r="275" spans="1:4" s="2" customFormat="1" ht="42" customHeight="1" x14ac:dyDescent="0.25">
      <c r="A275" s="146" t="s">
        <v>87</v>
      </c>
      <c r="B275" s="135" t="s">
        <v>327</v>
      </c>
      <c r="C275" s="48"/>
      <c r="D275" s="65"/>
    </row>
    <row r="276" spans="1:4" s="2" customFormat="1" ht="121.5" customHeight="1" x14ac:dyDescent="0.25">
      <c r="A276" s="144" t="s">
        <v>88</v>
      </c>
      <c r="B276" s="136" t="s">
        <v>328</v>
      </c>
      <c r="C276" s="48"/>
      <c r="D276" s="65"/>
    </row>
    <row r="277" spans="1:4" s="2" customFormat="1" ht="107.25" customHeight="1" x14ac:dyDescent="0.25">
      <c r="A277" s="47" t="s">
        <v>52</v>
      </c>
      <c r="B277" s="149" t="s">
        <v>329</v>
      </c>
      <c r="C277" s="48"/>
      <c r="D277" s="65"/>
    </row>
    <row r="278" spans="1:4" s="2" customFormat="1" ht="49.5" customHeight="1" x14ac:dyDescent="0.25">
      <c r="A278" s="47" t="s">
        <v>53</v>
      </c>
      <c r="B278" s="23" t="s">
        <v>330</v>
      </c>
      <c r="C278" s="48"/>
      <c r="D278" s="65"/>
    </row>
    <row r="279" spans="1:4" s="2" customFormat="1" ht="62.25" customHeight="1" x14ac:dyDescent="0.25">
      <c r="A279" s="47" t="s">
        <v>54</v>
      </c>
      <c r="B279" s="23" t="s">
        <v>331</v>
      </c>
      <c r="C279" s="48"/>
      <c r="D279" s="65"/>
    </row>
    <row r="280" spans="1:4" s="2" customFormat="1" ht="74.25" customHeight="1" x14ac:dyDescent="0.25">
      <c r="A280" s="47" t="s">
        <v>55</v>
      </c>
      <c r="B280" s="137" t="s">
        <v>332</v>
      </c>
      <c r="C280" s="48"/>
      <c r="D280" s="65"/>
    </row>
    <row r="281" spans="1:4" s="2" customFormat="1" ht="87" customHeight="1" x14ac:dyDescent="0.25">
      <c r="A281" s="47" t="s">
        <v>56</v>
      </c>
      <c r="B281" s="138" t="s">
        <v>333</v>
      </c>
      <c r="C281" s="48"/>
      <c r="D281" s="65"/>
    </row>
    <row r="282" spans="1:4" s="2" customFormat="1" ht="29.1" customHeight="1" x14ac:dyDescent="0.25">
      <c r="A282" s="197" t="s">
        <v>57</v>
      </c>
      <c r="B282" s="132" t="s">
        <v>334</v>
      </c>
      <c r="C282" s="48"/>
      <c r="D282" s="65"/>
    </row>
    <row r="283" spans="1:4" s="2" customFormat="1" ht="29.1" customHeight="1" x14ac:dyDescent="0.25">
      <c r="A283" s="198"/>
      <c r="B283" s="135" t="s">
        <v>335</v>
      </c>
      <c r="C283" s="48"/>
      <c r="D283" s="65"/>
    </row>
    <row r="284" spans="1:4" s="2" customFormat="1" ht="59.25" customHeight="1" x14ac:dyDescent="0.25">
      <c r="A284" s="198"/>
      <c r="B284" s="139" t="s">
        <v>336</v>
      </c>
      <c r="C284" s="48"/>
      <c r="D284" s="65"/>
    </row>
    <row r="285" spans="1:4" s="2" customFormat="1" ht="29.1" customHeight="1" x14ac:dyDescent="0.25">
      <c r="A285" s="198"/>
      <c r="B285" s="134" t="s">
        <v>337</v>
      </c>
      <c r="C285" s="48"/>
      <c r="D285" s="65"/>
    </row>
    <row r="286" spans="1:4" s="2" customFormat="1" ht="29.1" customHeight="1" x14ac:dyDescent="0.25">
      <c r="A286" s="198"/>
      <c r="B286" s="135" t="s">
        <v>338</v>
      </c>
      <c r="C286" s="48"/>
      <c r="D286" s="65"/>
    </row>
    <row r="287" spans="1:4" s="2" customFormat="1" ht="62.25" customHeight="1" x14ac:dyDescent="0.25">
      <c r="A287" s="198"/>
      <c r="B287" s="135" t="s">
        <v>339</v>
      </c>
      <c r="C287" s="48"/>
      <c r="D287" s="65"/>
    </row>
    <row r="288" spans="1:4" s="2" customFormat="1" ht="59.25" customHeight="1" x14ac:dyDescent="0.25">
      <c r="A288" s="199"/>
      <c r="B288" s="136" t="s">
        <v>340</v>
      </c>
      <c r="C288" s="48"/>
      <c r="D288" s="65"/>
    </row>
    <row r="289" spans="1:5" s="2" customFormat="1" ht="111.75" customHeight="1" x14ac:dyDescent="0.25">
      <c r="A289" s="47" t="s">
        <v>58</v>
      </c>
      <c r="B289" s="140" t="s">
        <v>341</v>
      </c>
      <c r="C289" s="48"/>
      <c r="D289" s="65"/>
    </row>
    <row r="290" spans="1:5" s="2" customFormat="1" ht="258.75" customHeight="1" x14ac:dyDescent="0.25">
      <c r="A290" s="47" t="s">
        <v>59</v>
      </c>
      <c r="B290" s="23" t="s">
        <v>342</v>
      </c>
      <c r="C290" s="48"/>
      <c r="D290" s="65"/>
    </row>
    <row r="291" spans="1:5" s="2" customFormat="1" ht="130.5" customHeight="1" x14ac:dyDescent="0.25">
      <c r="A291" s="47" t="s">
        <v>60</v>
      </c>
      <c r="B291" s="138" t="s">
        <v>343</v>
      </c>
      <c r="C291" s="48"/>
      <c r="D291" s="65"/>
    </row>
    <row r="292" spans="1:5" s="2" customFormat="1" ht="126" customHeight="1" x14ac:dyDescent="0.25">
      <c r="A292" s="141" t="s">
        <v>72</v>
      </c>
      <c r="B292" s="23" t="s">
        <v>344</v>
      </c>
      <c r="C292" s="48"/>
      <c r="D292" s="65"/>
    </row>
    <row r="293" spans="1:5" s="2" customFormat="1" ht="105.75" customHeight="1" x14ac:dyDescent="0.25">
      <c r="A293" s="47" t="s">
        <v>61</v>
      </c>
      <c r="B293" s="23" t="s">
        <v>345</v>
      </c>
      <c r="C293" s="48"/>
      <c r="D293" s="65"/>
    </row>
    <row r="294" spans="1:5" s="2" customFormat="1" ht="29.1" customHeight="1" x14ac:dyDescent="0.25">
      <c r="A294" s="47" t="s">
        <v>62</v>
      </c>
      <c r="B294" s="23" t="s">
        <v>346</v>
      </c>
      <c r="C294" s="48"/>
      <c r="D294" s="65"/>
    </row>
    <row r="295" spans="1:5" s="2" customFormat="1" ht="66.75" customHeight="1" x14ac:dyDescent="0.25">
      <c r="A295" s="142" t="s">
        <v>63</v>
      </c>
      <c r="B295" s="140" t="s">
        <v>347</v>
      </c>
      <c r="C295" s="48"/>
      <c r="D295" s="65"/>
    </row>
    <row r="296" spans="1:5" s="2" customFormat="1" ht="90" customHeight="1" x14ac:dyDescent="0.25">
      <c r="A296" s="142" t="s">
        <v>64</v>
      </c>
      <c r="B296" s="23" t="s">
        <v>348</v>
      </c>
      <c r="C296" s="48"/>
      <c r="D296" s="65"/>
    </row>
    <row r="297" spans="1:5" s="2" customFormat="1" ht="216.75" customHeight="1" x14ac:dyDescent="0.25">
      <c r="A297" s="142" t="s">
        <v>65</v>
      </c>
      <c r="B297" s="143" t="s">
        <v>349</v>
      </c>
      <c r="C297" s="48"/>
      <c r="D297" s="65"/>
    </row>
    <row r="298" spans="1:5" s="2" customFormat="1" ht="105" customHeight="1" x14ac:dyDescent="0.25">
      <c r="A298" s="142" t="s">
        <v>73</v>
      </c>
      <c r="B298" s="23" t="s">
        <v>350</v>
      </c>
      <c r="C298" s="48"/>
      <c r="D298" s="65"/>
    </row>
    <row r="299" spans="1:5" s="2" customFormat="1" ht="124.5" customHeight="1" x14ac:dyDescent="0.25">
      <c r="A299" s="142" t="s">
        <v>74</v>
      </c>
      <c r="B299" s="23" t="s">
        <v>351</v>
      </c>
      <c r="C299" s="48"/>
      <c r="D299" s="65"/>
    </row>
    <row r="300" spans="1:5" s="2" customFormat="1" ht="114" customHeight="1" x14ac:dyDescent="0.25">
      <c r="A300" s="142" t="s">
        <v>75</v>
      </c>
      <c r="B300" s="23" t="s">
        <v>352</v>
      </c>
      <c r="C300" s="48"/>
      <c r="D300" s="65"/>
    </row>
    <row r="301" spans="1:5" s="2" customFormat="1" ht="51" customHeight="1" x14ac:dyDescent="0.25">
      <c r="A301" s="142" t="s">
        <v>76</v>
      </c>
      <c r="B301" s="23" t="s">
        <v>353</v>
      </c>
      <c r="C301" s="48"/>
      <c r="D301" s="65"/>
    </row>
    <row r="302" spans="1:5" s="3" customFormat="1" ht="5.0999999999999996" customHeight="1" x14ac:dyDescent="0.25">
      <c r="A302" s="5"/>
      <c r="B302" s="5"/>
      <c r="C302" s="7"/>
      <c r="D302" s="7"/>
      <c r="E302" s="2"/>
    </row>
    <row r="303" spans="1:5" s="2" customFormat="1" ht="20.100000000000001" customHeight="1" x14ac:dyDescent="0.25">
      <c r="A303" s="160" t="s">
        <v>44</v>
      </c>
      <c r="B303" s="160"/>
      <c r="C303" s="160"/>
      <c r="D303" s="160"/>
    </row>
    <row r="304" spans="1:5" s="2" customFormat="1" ht="4.5" customHeight="1" thickBot="1" x14ac:dyDescent="0.3"/>
    <row r="305" spans="1:5" s="2" customFormat="1" ht="80.25" customHeight="1" x14ac:dyDescent="0.25">
      <c r="A305" s="161" t="s">
        <v>45</v>
      </c>
      <c r="B305" s="162"/>
      <c r="C305" s="165" t="s">
        <v>46</v>
      </c>
      <c r="D305" s="166"/>
    </row>
    <row r="306" spans="1:5" s="3" customFormat="1" ht="29.25" customHeight="1" thickBot="1" x14ac:dyDescent="0.3">
      <c r="A306" s="163"/>
      <c r="B306" s="164"/>
      <c r="C306" s="20" t="s">
        <v>6</v>
      </c>
      <c r="D306" s="66" t="s">
        <v>23</v>
      </c>
      <c r="E306" s="2"/>
    </row>
    <row r="307" spans="1:5" s="3" customFormat="1" ht="38.25" customHeight="1" x14ac:dyDescent="0.25">
      <c r="A307" s="84" t="s">
        <v>11</v>
      </c>
      <c r="B307" s="85" t="s">
        <v>48</v>
      </c>
      <c r="C307" s="37"/>
      <c r="D307" s="88"/>
      <c r="E307" s="2"/>
    </row>
    <row r="308" spans="1:5" s="3" customFormat="1" ht="38.25" customHeight="1" x14ac:dyDescent="0.25">
      <c r="A308" s="91" t="s">
        <v>50</v>
      </c>
      <c r="B308" s="95" t="s">
        <v>102</v>
      </c>
      <c r="C308" s="57"/>
      <c r="D308" s="92"/>
      <c r="E308" s="2"/>
    </row>
    <row r="309" spans="1:5" s="3" customFormat="1" ht="43.5" customHeight="1" x14ac:dyDescent="0.25">
      <c r="A309" s="47" t="s">
        <v>51</v>
      </c>
      <c r="B309" s="64" t="s">
        <v>77</v>
      </c>
      <c r="C309" s="57"/>
      <c r="D309" s="89"/>
      <c r="E309" s="2"/>
    </row>
    <row r="310" spans="1:5" s="3" customFormat="1" ht="24.95" customHeight="1" thickBot="1" x14ac:dyDescent="0.3">
      <c r="A310" s="87" t="s">
        <v>52</v>
      </c>
      <c r="B310" s="86" t="s">
        <v>47</v>
      </c>
      <c r="C310" s="36"/>
      <c r="D310" s="90"/>
      <c r="E310" s="2"/>
    </row>
    <row r="311" spans="1:5" s="2" customFormat="1" ht="5.0999999999999996" customHeight="1" x14ac:dyDescent="0.25">
      <c r="A311" s="5"/>
      <c r="B311" s="5"/>
      <c r="C311" s="7"/>
      <c r="D311" s="7"/>
    </row>
    <row r="312" spans="1:5" s="2" customFormat="1" ht="20.100000000000001" customHeight="1" x14ac:dyDescent="0.25">
      <c r="A312" s="160" t="s">
        <v>10</v>
      </c>
      <c r="B312" s="160"/>
      <c r="C312" s="160"/>
      <c r="D312" s="160"/>
    </row>
    <row r="313" spans="1:5" s="3" customFormat="1" ht="30" customHeight="1" x14ac:dyDescent="0.25">
      <c r="A313" s="22" t="s">
        <v>12</v>
      </c>
      <c r="B313" s="180" t="s">
        <v>97</v>
      </c>
      <c r="C313" s="180"/>
      <c r="D313" s="180"/>
      <c r="E313" s="2"/>
    </row>
    <row r="314" spans="1:5" s="25" customFormat="1" ht="30" customHeight="1" x14ac:dyDescent="0.25">
      <c r="A314" s="22" t="s">
        <v>24</v>
      </c>
      <c r="B314" s="180" t="s">
        <v>25</v>
      </c>
      <c r="C314" s="180"/>
      <c r="D314" s="180"/>
      <c r="E314" s="2"/>
    </row>
    <row r="315" spans="1:5" s="25" customFormat="1" ht="30" customHeight="1" x14ac:dyDescent="0.25">
      <c r="A315" s="181" t="s">
        <v>26</v>
      </c>
      <c r="B315" s="181"/>
      <c r="C315" s="181"/>
      <c r="D315" s="181"/>
      <c r="E315" s="2"/>
    </row>
    <row r="316" spans="1:5" s="2" customFormat="1" ht="24.95" customHeight="1" x14ac:dyDescent="0.2">
      <c r="A316" s="24" t="s">
        <v>27</v>
      </c>
      <c r="B316" s="183"/>
      <c r="C316" s="183"/>
    </row>
    <row r="317" spans="1:5" s="2" customFormat="1" ht="24.95" customHeight="1" x14ac:dyDescent="0.2">
      <c r="A317" s="24" t="s">
        <v>28</v>
      </c>
      <c r="B317" s="184"/>
      <c r="C317" s="184"/>
    </row>
    <row r="318" spans="1:5" s="2" customFormat="1" ht="24.95" customHeight="1" x14ac:dyDescent="0.25">
      <c r="A318" s="24" t="s">
        <v>29</v>
      </c>
      <c r="B318" s="185"/>
      <c r="C318" s="185"/>
    </row>
    <row r="319" spans="1:5" s="3" customFormat="1" ht="24.95" customHeight="1" x14ac:dyDescent="0.25">
      <c r="A319" s="24" t="s">
        <v>30</v>
      </c>
      <c r="B319" s="185"/>
      <c r="C319" s="185"/>
      <c r="D319" s="2"/>
      <c r="E319" s="2"/>
    </row>
    <row r="320" spans="1:5" s="2" customFormat="1" ht="14.25" customHeight="1" x14ac:dyDescent="0.2">
      <c r="A320" s="11"/>
      <c r="B320" s="12"/>
      <c r="C320" s="12"/>
    </row>
    <row r="321" spans="1:4" s="3" customFormat="1" ht="15" customHeight="1" x14ac:dyDescent="0.25">
      <c r="A321" s="182" t="s">
        <v>31</v>
      </c>
      <c r="B321" s="182"/>
      <c r="C321" s="182"/>
      <c r="D321" s="182"/>
    </row>
    <row r="322" spans="1:4" s="2" customFormat="1" ht="36.75" customHeight="1" x14ac:dyDescent="0.25">
      <c r="A322" s="179" t="s">
        <v>41</v>
      </c>
      <c r="B322" s="179"/>
      <c r="C322" s="179"/>
      <c r="D322" s="179"/>
    </row>
    <row r="323" spans="1:4" s="2" customFormat="1" ht="20.100000000000001" customHeight="1" x14ac:dyDescent="0.2">
      <c r="A323" s="1"/>
      <c r="B323" s="1"/>
      <c r="C323" s="8"/>
      <c r="D323" s="8"/>
    </row>
    <row r="324" spans="1:4" s="3" customFormat="1" ht="4.5" customHeight="1" x14ac:dyDescent="0.2">
      <c r="A324" s="1"/>
      <c r="B324" s="1"/>
      <c r="C324" s="8"/>
      <c r="D324" s="8"/>
    </row>
    <row r="325" spans="1:4" s="3" customFormat="1" ht="20.100000000000001" customHeight="1" x14ac:dyDescent="0.25">
      <c r="A325" s="26" t="s">
        <v>32</v>
      </c>
      <c r="B325" s="27"/>
      <c r="C325" s="28" t="s">
        <v>33</v>
      </c>
      <c r="D325" s="61"/>
    </row>
    <row r="326" spans="1:4" s="3" customFormat="1" ht="20.100000000000001" customHeight="1" x14ac:dyDescent="0.25">
      <c r="A326" s="29"/>
      <c r="B326" s="29"/>
      <c r="C326" s="29"/>
      <c r="D326" s="30"/>
    </row>
    <row r="327" spans="1:4" ht="20.100000000000001" customHeight="1" x14ac:dyDescent="0.2">
      <c r="A327" s="26" t="s">
        <v>34</v>
      </c>
      <c r="B327" s="27"/>
      <c r="C327" s="31" t="s">
        <v>35</v>
      </c>
      <c r="D327" s="62"/>
    </row>
    <row r="328" spans="1:4" s="2" customFormat="1" ht="20.100000000000001" customHeight="1" x14ac:dyDescent="0.2">
      <c r="A328" s="1"/>
      <c r="B328" s="1"/>
      <c r="C328" s="31" t="s">
        <v>36</v>
      </c>
      <c r="D328" s="63"/>
    </row>
    <row r="329" spans="1:4" s="2" customFormat="1" ht="20.100000000000001" customHeight="1" x14ac:dyDescent="0.2">
      <c r="A329" s="1"/>
      <c r="B329" s="1"/>
      <c r="C329" s="32" t="s">
        <v>37</v>
      </c>
      <c r="D329" s="1"/>
    </row>
    <row r="330" spans="1:4" s="2" customFormat="1" ht="37.5" customHeight="1" x14ac:dyDescent="0.25"/>
    <row r="331" spans="1:4" s="2" customFormat="1" ht="24" customHeight="1" x14ac:dyDescent="0.25"/>
    <row r="332" spans="1:4" s="2" customFormat="1" ht="24" customHeight="1" x14ac:dyDescent="0.25"/>
    <row r="333" spans="1:4" s="2" customFormat="1" ht="24" customHeight="1" x14ac:dyDescent="0.25"/>
    <row r="334" spans="1:4" s="2" customFormat="1" ht="20.100000000000001" customHeight="1" x14ac:dyDescent="0.25"/>
    <row r="335" spans="1:4" s="2" customFormat="1" ht="20.100000000000001" customHeight="1" x14ac:dyDescent="0.25"/>
    <row r="336" spans="1:4" s="2" customFormat="1" ht="50.1" customHeight="1" x14ac:dyDescent="0.25"/>
    <row r="337" spans="1:4" s="2" customFormat="1" ht="43.5" customHeight="1" x14ac:dyDescent="0.25"/>
    <row r="338" spans="1:4" ht="24.75" customHeight="1" x14ac:dyDescent="0.2">
      <c r="A338" s="2"/>
      <c r="B338" s="2"/>
      <c r="C338" s="2"/>
      <c r="D338" s="2"/>
    </row>
    <row r="339" spans="1:4" x14ac:dyDescent="0.2">
      <c r="A339" s="2"/>
      <c r="B339" s="2"/>
      <c r="C339" s="2"/>
      <c r="D339" s="2"/>
    </row>
    <row r="340" spans="1:4" ht="20.100000000000001" customHeight="1" x14ac:dyDescent="0.2"/>
    <row r="341" spans="1:4" ht="4.5" customHeight="1" x14ac:dyDescent="0.2"/>
    <row r="342" spans="1:4" ht="20.100000000000001" customHeight="1" x14ac:dyDescent="0.2"/>
    <row r="343" spans="1:4" ht="20.100000000000001" customHeight="1" x14ac:dyDescent="0.2"/>
    <row r="344" spans="1:4" ht="20.100000000000001" customHeight="1" x14ac:dyDescent="0.2"/>
  </sheetData>
  <mergeCells count="64">
    <mergeCell ref="B34:C34"/>
    <mergeCell ref="B35:C35"/>
    <mergeCell ref="B36:C36"/>
    <mergeCell ref="A137:B137"/>
    <mergeCell ref="A282:A288"/>
    <mergeCell ref="A198:B198"/>
    <mergeCell ref="A151:D151"/>
    <mergeCell ref="A38:E38"/>
    <mergeCell ref="B40:C40"/>
    <mergeCell ref="A42:E42"/>
    <mergeCell ref="B43:C43"/>
    <mergeCell ref="B39:C39"/>
    <mergeCell ref="A49:E49"/>
    <mergeCell ref="A53:D53"/>
    <mergeCell ref="A45:B45"/>
    <mergeCell ref="A18:E18"/>
    <mergeCell ref="A7:E7"/>
    <mergeCell ref="A1:E1"/>
    <mergeCell ref="A2:E2"/>
    <mergeCell ref="A3:E3"/>
    <mergeCell ref="A13:C13"/>
    <mergeCell ref="A8:D8"/>
    <mergeCell ref="A9:D9"/>
    <mergeCell ref="A11:D11"/>
    <mergeCell ref="A12:C12"/>
    <mergeCell ref="A16:C16"/>
    <mergeCell ref="A17:C17"/>
    <mergeCell ref="A322:D322"/>
    <mergeCell ref="A312:D312"/>
    <mergeCell ref="B313:D313"/>
    <mergeCell ref="B314:D314"/>
    <mergeCell ref="A315:D315"/>
    <mergeCell ref="A321:D321"/>
    <mergeCell ref="B316:C316"/>
    <mergeCell ref="B317:C317"/>
    <mergeCell ref="B318:C318"/>
    <mergeCell ref="B319:C319"/>
    <mergeCell ref="A303:D303"/>
    <mergeCell ref="A305:B306"/>
    <mergeCell ref="C305:D305"/>
    <mergeCell ref="C51:D51"/>
    <mergeCell ref="A265:D265"/>
    <mergeCell ref="A267:B268"/>
    <mergeCell ref="C267:D267"/>
    <mergeCell ref="A54:B54"/>
    <mergeCell ref="A51:B52"/>
    <mergeCell ref="A118:B118"/>
    <mergeCell ref="A102:D102"/>
    <mergeCell ref="A103:B103"/>
    <mergeCell ref="A68:B68"/>
    <mergeCell ref="A169:B169"/>
    <mergeCell ref="A197:D197"/>
    <mergeCell ref="A152:B152"/>
    <mergeCell ref="A19:E19"/>
    <mergeCell ref="A27:E27"/>
    <mergeCell ref="A29:E29"/>
    <mergeCell ref="B31:C31"/>
    <mergeCell ref="A33:E33"/>
    <mergeCell ref="A22:D22"/>
    <mergeCell ref="A20:C20"/>
    <mergeCell ref="A23:B23"/>
    <mergeCell ref="A26:B26"/>
    <mergeCell ref="A21:E21"/>
    <mergeCell ref="B30:C30"/>
  </mergeCells>
  <conditionalFormatting sqref="C85:C86 C152:C196 C198:C263 C286:C301">
    <cfRule type="containsBlanks" dxfId="29" priority="59">
      <formula>LEN(TRIM(C85))=0</formula>
    </cfRule>
  </conditionalFormatting>
  <conditionalFormatting sqref="D327">
    <cfRule type="containsBlanks" dxfId="28" priority="58">
      <formula>LEN(TRIM(D327))=0</formula>
    </cfRule>
  </conditionalFormatting>
  <conditionalFormatting sqref="B325">
    <cfRule type="containsBlanks" dxfId="27" priority="56">
      <formula>LEN(TRIM(B325))=0</formula>
    </cfRule>
  </conditionalFormatting>
  <conditionalFormatting sqref="D328">
    <cfRule type="containsBlanks" dxfId="26" priority="57">
      <formula>LEN(TRIM(D328))=0</formula>
    </cfRule>
  </conditionalFormatting>
  <conditionalFormatting sqref="B327">
    <cfRule type="containsBlanks" dxfId="25" priority="55">
      <formula>LEN(TRIM(B327))=0</formula>
    </cfRule>
  </conditionalFormatting>
  <conditionalFormatting sqref="B4:B5">
    <cfRule type="containsBlanks" dxfId="24" priority="54">
      <formula>LEN(TRIM(B4))=0</formula>
    </cfRule>
  </conditionalFormatting>
  <conditionalFormatting sqref="C54:C55">
    <cfRule type="containsBlanks" dxfId="23" priority="53">
      <formula>LEN(TRIM(C54))=0</formula>
    </cfRule>
  </conditionalFormatting>
  <conditionalFormatting sqref="C56">
    <cfRule type="containsBlanks" dxfId="22" priority="52">
      <formula>LEN(TRIM(C56))=0</formula>
    </cfRule>
  </conditionalFormatting>
  <conditionalFormatting sqref="C307:C309">
    <cfRule type="containsBlanks" dxfId="21" priority="48">
      <formula>LEN(TRIM(C307))=0</formula>
    </cfRule>
  </conditionalFormatting>
  <conditionalFormatting sqref="C310">
    <cfRule type="containsBlanks" dxfId="20" priority="47">
      <formula>LEN(TRIM(C310))=0</formula>
    </cfRule>
  </conditionalFormatting>
  <conditionalFormatting sqref="B318:C318">
    <cfRule type="containsBlanks" dxfId="19" priority="44">
      <formula>LEN(TRIM(B318))=0</formula>
    </cfRule>
  </conditionalFormatting>
  <conditionalFormatting sqref="C57">
    <cfRule type="containsBlanks" dxfId="18" priority="30">
      <formula>LEN(TRIM(C57))=0</formula>
    </cfRule>
  </conditionalFormatting>
  <conditionalFormatting sqref="C70:C82">
    <cfRule type="containsBlanks" dxfId="17" priority="29">
      <formula>LEN(TRIM(C70))=0</formula>
    </cfRule>
  </conditionalFormatting>
  <conditionalFormatting sqref="C83">
    <cfRule type="containsBlanks" dxfId="16" priority="28">
      <formula>LEN(TRIM(C83))=0</formula>
    </cfRule>
  </conditionalFormatting>
  <conditionalFormatting sqref="C84">
    <cfRule type="containsBlanks" dxfId="15" priority="27">
      <formula>LEN(TRIM(C84))=0</formula>
    </cfRule>
  </conditionalFormatting>
  <conditionalFormatting sqref="C58">
    <cfRule type="containsBlanks" dxfId="14" priority="26">
      <formula>LEN(TRIM(C58))=0</formula>
    </cfRule>
  </conditionalFormatting>
  <conditionalFormatting sqref="C87:C94">
    <cfRule type="containsBlanks" dxfId="13" priority="24">
      <formula>LEN(TRIM(C87))=0</formula>
    </cfRule>
  </conditionalFormatting>
  <conditionalFormatting sqref="C95">
    <cfRule type="containsBlanks" dxfId="12" priority="23">
      <formula>LEN(TRIM(C95))=0</formula>
    </cfRule>
  </conditionalFormatting>
  <conditionalFormatting sqref="C96">
    <cfRule type="containsBlanks" dxfId="11" priority="22">
      <formula>LEN(TRIM(C96))=0</formula>
    </cfRule>
  </conditionalFormatting>
  <conditionalFormatting sqref="C97 C101 C108:C150 C103">
    <cfRule type="containsBlanks" dxfId="10" priority="21">
      <formula>LEN(TRIM(C97))=0</formula>
    </cfRule>
  </conditionalFormatting>
  <conditionalFormatting sqref="C98">
    <cfRule type="containsBlanks" dxfId="9" priority="19">
      <formula>LEN(TRIM(C98))=0</formula>
    </cfRule>
  </conditionalFormatting>
  <conditionalFormatting sqref="C100">
    <cfRule type="containsBlanks" dxfId="8" priority="18">
      <formula>LEN(TRIM(C100))=0</formula>
    </cfRule>
  </conditionalFormatting>
  <conditionalFormatting sqref="C107">
    <cfRule type="containsBlanks" dxfId="7" priority="16">
      <formula>LEN(TRIM(C107))=0</formula>
    </cfRule>
  </conditionalFormatting>
  <conditionalFormatting sqref="C269:C277">
    <cfRule type="containsBlanks" dxfId="6" priority="12">
      <formula>LEN(TRIM(C269))=0</formula>
    </cfRule>
  </conditionalFormatting>
  <conditionalFormatting sqref="C278:C281">
    <cfRule type="containsBlanks" dxfId="5" priority="11">
      <formula>LEN(TRIM(C278))=0</formula>
    </cfRule>
  </conditionalFormatting>
  <conditionalFormatting sqref="C282:C285">
    <cfRule type="containsBlanks" dxfId="4" priority="10">
      <formula>LEN(TRIM(C282))=0</formula>
    </cfRule>
  </conditionalFormatting>
  <conditionalFormatting sqref="C59:C69">
    <cfRule type="containsBlanks" dxfId="3" priority="8">
      <formula>LEN(TRIM(C59))=0</formula>
    </cfRule>
  </conditionalFormatting>
  <conditionalFormatting sqref="C105:C106">
    <cfRule type="containsBlanks" dxfId="2" priority="1">
      <formula>LEN(TRIM(C105))=0</formula>
    </cfRule>
  </conditionalFormatting>
  <conditionalFormatting sqref="C99">
    <cfRule type="containsBlanks" dxfId="1" priority="5">
      <formula>LEN(TRIM(C99))=0</formula>
    </cfRule>
  </conditionalFormatting>
  <conditionalFormatting sqref="C104">
    <cfRule type="containsBlanks" dxfId="0" priority="4">
      <formula>LEN(TRIM(C104))=0</formula>
    </cfRule>
  </conditionalFormatting>
  <printOptions horizontalCentered="1"/>
  <pageMargins left="0.70866141732283472" right="0.70866141732283472" top="0.90625" bottom="0.74803149606299213" header="0.31496062992125984" footer="0.31496062992125984"/>
  <pageSetup paperSize="9" scale="5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45</xdr:row>
                    <xdr:rowOff>9525</xdr:rowOff>
                  </from>
                  <to>
                    <xdr:col>0</xdr:col>
                    <xdr:colOff>885825</xdr:colOff>
                    <xdr:row>4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6</xdr:row>
                    <xdr:rowOff>0</xdr:rowOff>
                  </from>
                  <to>
                    <xdr:col>0</xdr:col>
                    <xdr:colOff>885825</xdr:colOff>
                    <xdr:row>4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10-17T09:43:58Z</cp:lastPrinted>
  <dcterms:created xsi:type="dcterms:W3CDTF">2017-04-21T05:51:15Z</dcterms:created>
  <dcterms:modified xsi:type="dcterms:W3CDTF">2022-10-18T10:13:03Z</dcterms:modified>
</cp:coreProperties>
</file>